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18 - 2023 - 190. Transkraniálny doppler\03. Príprava\04. PTK\01. Odoslanie PTK\"/>
    </mc:Choice>
  </mc:AlternateContent>
  <bookViews>
    <workbookView xWindow="0" yWindow="0" windowWidth="23040" windowHeight="9195"/>
  </bookViews>
  <sheets>
    <sheet name="Cenová ponuka" sheetId="8" r:id="rId1"/>
  </sheets>
  <definedNames>
    <definedName name="_xlnm.Print_Area" localSheetId="0">'Cenová ponuka'!$B$1:$F$23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22" uniqueCount="348">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Kalkulácia ceny a návrh na plnenie kritéria na vyhodnotenie ponúk - Štruktúrovaný rozpočet ceny predmetu zákazky</t>
  </si>
  <si>
    <t>Položka č. 2</t>
  </si>
  <si>
    <t>50421000-2   Opravy a údržba lekárskych zariadení</t>
  </si>
  <si>
    <t>Pozáručný servis pre položku č.1</t>
  </si>
  <si>
    <t>Položka č. 1 a č. 2</t>
  </si>
  <si>
    <t>80510000-2   Služby týkajúce sa odborných školení</t>
  </si>
  <si>
    <t>Položka č. 2 - Pozáručný servis pre položku č.1</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13.</t>
  </si>
  <si>
    <t>14.</t>
  </si>
  <si>
    <t>15.</t>
  </si>
  <si>
    <t>16.</t>
  </si>
  <si>
    <t>17.</t>
  </si>
  <si>
    <t>18.</t>
  </si>
  <si>
    <t>19.</t>
  </si>
  <si>
    <t>20.</t>
  </si>
  <si>
    <t>21.</t>
  </si>
  <si>
    <t>2.1.</t>
  </si>
  <si>
    <t>2.2.</t>
  </si>
  <si>
    <t>2.3.</t>
  </si>
  <si>
    <t>2.4.</t>
  </si>
  <si>
    <t>2.5.</t>
  </si>
  <si>
    <t>2.6.</t>
  </si>
  <si>
    <t>9.1.</t>
  </si>
  <si>
    <t>10.1.</t>
  </si>
  <si>
    <t>11.1.</t>
  </si>
  <si>
    <t>11.2.</t>
  </si>
  <si>
    <t>22.</t>
  </si>
  <si>
    <t>23.</t>
  </si>
  <si>
    <t>24.</t>
  </si>
  <si>
    <t>25.</t>
  </si>
  <si>
    <t>26.</t>
  </si>
  <si>
    <t>27.</t>
  </si>
  <si>
    <t>28.</t>
  </si>
  <si>
    <t>29.</t>
  </si>
  <si>
    <t>30.</t>
  </si>
  <si>
    <t>31.</t>
  </si>
  <si>
    <t>32.</t>
  </si>
  <si>
    <t>33.</t>
  </si>
  <si>
    <t>34.</t>
  </si>
  <si>
    <t>35.</t>
  </si>
  <si>
    <t>36.</t>
  </si>
  <si>
    <t>37.</t>
  </si>
  <si>
    <t>38.</t>
  </si>
  <si>
    <t>39.</t>
  </si>
  <si>
    <t>40.</t>
  </si>
  <si>
    <t>41.</t>
  </si>
  <si>
    <t>42.</t>
  </si>
  <si>
    <t>43.</t>
  </si>
  <si>
    <t>44.</t>
  </si>
  <si>
    <t>45.</t>
  </si>
  <si>
    <t>v pracovných dňoch,</t>
  </si>
  <si>
    <t>dodávky a zabudovanie náhradných dielov, ktoré sú potrebné k riadnej a bezporuchovej prevádzke prístroja, vrátane demontáže, odvozu a likvidácie použitého a nepotrebného spotrebného materiálu a náhradných dielov,</t>
  </si>
  <si>
    <t>vykonanie ďalších servisných úkonov a činností predpísaných príslušnou právnou úpravou a aplikovateľnými normami,</t>
  </si>
  <si>
    <t>vykonanie akýchkoľvek neplánovaných opráv a údržby, ktoré nevyplývajú zo servisného plánu výrobcu prístroja, ak takáto oprava je nevyhnutná za účelom zabezpečenia prevádzky prístroja, vrátane generálnej opravy,</t>
  </si>
  <si>
    <t>Dodávateľ je povinný počas trvania záručnej doby odstrániť vady v nasledujúcich lehotách od nástupu na opravu:</t>
  </si>
  <si>
    <t>Požaduje sa služby pozáručnej starostlivosti vykonávať v súlade so známymi a najnovšími technologickými poznatkami výrobcu prístroja.</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j. krajina kde bol tovar vyrobený).</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dodávka a výmena všetkých potrebných náhradných dielov a súčiastok v prípade ich poruchy, ktoré sami o sebe majú kratšiu dobu životnosti, alebo kratšiu záručnú dobu, ako je záručná doba poskytovaná Dodávateľom,</t>
  </si>
  <si>
    <t>vykonanie validácií a kalibrácií prístroja (resp. jeho relevantných častí) s periodicitou podľa odporúčania výrobcu prístroja, minimálne však jedenkrát ročne,</t>
  </si>
  <si>
    <t>práce (servisné hodiny) a dojazdy servisných technikov Dodávateľa do miesta inštalácie prístroja v rámci zabezpečenia záručného servisu,</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aby v prípade vykonania opravy, na ktorú Objednávateľ Dodávateľa vopred upozorní, bola oprava vykonaná nasledovne:</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 xml:space="preserve">V prípade, ak Objednávateľ na základe prieskumu trhu zistí, že: </t>
  </si>
  <si>
    <r>
      <t xml:space="preserve">Dodávateľ je povinný k faktúre za dodanie prístroja priložiť kópiu preberacieho protokolu ako jej povinnú prílohu, okrem prípadov, kedy je faktúra doručená zároveň s preberacím protokolom. Povinnou súčasťou faktúry za služby, ktoré sú predmetom </t>
    </r>
    <r>
      <rPr>
        <sz val="10"/>
        <color rgb="FFFF0000"/>
        <rFont val="Arial"/>
        <family val="2"/>
        <charset val="238"/>
      </rPr>
      <t xml:space="preserve">položky č. 2 </t>
    </r>
    <r>
      <rPr>
        <sz val="10"/>
        <rFont val="Arial"/>
        <family val="2"/>
        <charset val="238"/>
      </rPr>
      <t>je zmluvnými stranami potvrdený rozsah poskytnutej služby s uvedením dátumu jej poskytnutia v príslušnom kalendárnom mesiaci.</t>
    </r>
  </si>
  <si>
    <r>
      <t xml:space="preserve">Pozáručný servis (služby, ktoré sú predmetom </t>
    </r>
    <r>
      <rPr>
        <sz val="10"/>
        <color rgb="FFFF0000"/>
        <rFont val="Arial"/>
        <family val="2"/>
        <charset val="238"/>
      </rPr>
      <t>položky č. 2</t>
    </r>
    <r>
      <rPr>
        <sz val="10"/>
        <rFont val="Arial"/>
        <family val="2"/>
        <charset val="238"/>
      </rPr>
      <t>) bude hradený formou mesačných paušálnych odmien uvedených v Prílohe č. 1 - Kalkulácia ceny.</t>
    </r>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t>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2</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V súlade s § 25 zákona č. 343/2015 Z. z. o verejnom obstarávaní za účelom stanovenia požiadaviek (transparentných) na predmet zákazky a predpokladanej hodnoty zákazky.</t>
  </si>
  <si>
    <t>Odstránenie poruchy do 72 hodín, v prípade nedostupnosti náhradného dielu, po dohode s objednávateľom.</t>
  </si>
  <si>
    <t>Požaduje sa uzatvorenie kúpnej zmluvy s pozáručným servisom.</t>
  </si>
  <si>
    <t>v čase od 07:00 hod. do 14:30 hod.,</t>
  </si>
  <si>
    <t>oprava vady, pri ktorej nie je potrebná dodávka náhradného dielu najneskôr do 48 hodín,</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Požaduje sa vykonávať pozáručnú servisnú starostlivosť v pracovných dňoch v čase od 07:00 hod. do 15:00 hod, ak sa Objednávateľ a Dodávateľ nedohodnú inak.</t>
  </si>
  <si>
    <t>nástup na výkon opravy do 24 hodín od nahlásenia vady/poruchy v pracovných dňoch v čase od 07:00 hod. do 15:00 hod.,</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V prípade, ak sa na predmet zákazky vykonala prípravná trhová konzultácia, informácie k prípravnej trhovej konzultácie verejný obstarávateľ zverejňuje na internetovej stránke: www.vusch.sk/verejne-obstaravanie/</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32.1</t>
  </si>
  <si>
    <t>32.2</t>
  </si>
  <si>
    <r>
      <t xml:space="preserve">Požaduje sa poskytovanie pozáručného servisu pre </t>
    </r>
    <r>
      <rPr>
        <sz val="10"/>
        <color rgb="FFFF0000"/>
        <rFont val="Arial"/>
        <family val="2"/>
        <charset val="238"/>
      </rPr>
      <t>položku č. 1</t>
    </r>
    <r>
      <rPr>
        <sz val="10"/>
        <rFont val="Arial"/>
        <family val="2"/>
        <charset val="238"/>
      </rPr>
      <t xml:space="preserve"> po dobu 5 rokov (60 kalendárnych mesiacov), pričom za začiatok tohto poskytovania sa považuje deň nasledujúci po poslednom dni záručnej doby.</t>
    </r>
  </si>
  <si>
    <t>14.1</t>
  </si>
  <si>
    <t>15.1</t>
  </si>
  <si>
    <t>15.2</t>
  </si>
  <si>
    <t>15.3</t>
  </si>
  <si>
    <t>15.4</t>
  </si>
  <si>
    <t>15.5</t>
  </si>
  <si>
    <t>xxx</t>
  </si>
  <si>
    <t>Oprávnenie dodávateľa na servis výrobkov</t>
  </si>
  <si>
    <t>Osvedčenie servisného technika na servis zariadení výrobcu</t>
  </si>
  <si>
    <r>
      <t>Potvrdenie ŠÚKL</t>
    </r>
    <r>
      <rPr>
        <sz val="10"/>
        <color theme="1"/>
        <rFont val="Arial"/>
        <family val="2"/>
        <charset val="238"/>
      </rPr>
      <t xml:space="preserve"> (výstup z databázy registrovaných/evidovaných zdravotníckych pomôcok), resp. iné doklady, ktoré nahrádzajú požadované potvrdenie</t>
    </r>
  </si>
  <si>
    <t>33112000-8   Echo, ultrazvukové a dopplerovské zobrazovacie zariadenia</t>
  </si>
  <si>
    <t>Transkraniálny doppler vrátane pozáručného servisu</t>
  </si>
  <si>
    <t>Transkraniálny doppler vrátane pozáručného servisu.</t>
  </si>
  <si>
    <t xml:space="preserve">Transkraniálny doppler </t>
  </si>
  <si>
    <t xml:space="preserve">Položka č. 1 - Transkraniálny doppler </t>
  </si>
  <si>
    <t>Nákup nového, nepoužívaného prístroja s príslušenstvom, v 1. akostnej triede, v originálnom balení vrátane balenia, dopravy, vyloženia na konkrétne pracovisko uvedené v objednávke, inštalácie a uvedenia do prevádzky, likvidácie prepravných obalov a iných nákladov potrebných na realizáciu zákazky.</t>
  </si>
  <si>
    <t>Objednávateľ požaduje prístroj a príslušenstvo, ktoré sú certifikované a schválené na dovoz a predaj v Slovenskej republike, resp. v rámci Európskej únie a vyhovujú platným medzinárodným normám, STN a všeobecne záväzným predpisom.</t>
  </si>
  <si>
    <t>Transkraniálna doplerovská ultrasonografia je určená na detekciu intrakraniálnej embolizácie u pacientov s fibriláciou predsiení a nestabilnými karotickými aterosklerotickými plátmi.</t>
  </si>
  <si>
    <t>Schopnosť zaznamenávať údaje:  min. 6 hod.</t>
  </si>
  <si>
    <t>Hmotnosť modulu: max. 400 g</t>
  </si>
  <si>
    <t>Frekvencia systému: min. 1,5 a max. 5 MHz</t>
  </si>
  <si>
    <t>Počet rýchlostí v stupňoch: min. 0 a max. 18 stupňov</t>
  </si>
  <si>
    <t>Záruka: 24 mesiacov</t>
  </si>
  <si>
    <t>Použitie: ambulantné monitorovanie detekcie embólie</t>
  </si>
  <si>
    <t>Rozmery modulu: cca 150 x 92 x 28 mm</t>
  </si>
  <si>
    <t>Klasifikácia ES: Trieda II a</t>
  </si>
  <si>
    <t>Systém kvality: certifikácia ISO 13485</t>
  </si>
  <si>
    <t>Analógový vstupno / výstupný modul, ktorý pri pripojení TCD k PC umožňuje export analógových údajov do analógových vstupov iných zariadení; importovanie analógových údajov z analógového výstupu iných zariadení</t>
  </si>
  <si>
    <t xml:space="preserve">Ambulantné monitorovanie detekcie embólie: </t>
  </si>
  <si>
    <t>automatické dodatočné spracovanie zaznamenaného signálu TCD na detekciu embólie. Každá embolická udalost' je označená a operátor má plný prístup k svojmu spektrálnemu podpisu a jeho zvukovej charakteristike. Upevnenie sondy, ktoré umožní dlhodobé monitorovanie embolizácií.</t>
  </si>
  <si>
    <t>Automatické funkcie:</t>
  </si>
  <si>
    <t>pri inštalácii sondy na hlavu pacienta je TCDx pripojený k počítaču vybavenému špeciálnym Dopplerovým softvérom.</t>
  </si>
  <si>
    <t>robotizovaná sonda je umiestnená na akustickom okne. Dopplerovské spektrum sa zobrazuje v reálnom čase na displeji PC.</t>
  </si>
  <si>
    <t>po období sledovania sa Dopplerov signál stiahne do počítača na analýzu pomocou vysokorýchlostného a sporahlivého softvéru na detekciu embólie. Embolické udalosti sú izolované a prezentované tak, aby operátor nemusel kontrolovat' celú monitorovaciu reláciu</t>
  </si>
  <si>
    <t>Možnosť fixácie rámu na hlave pacienta.</t>
  </si>
  <si>
    <t>Umiestenie sondy v oblasti akustického temporálneho okna.</t>
  </si>
  <si>
    <t>Orientácia sondy: automatická</t>
  </si>
  <si>
    <t>Jednostranný Doppler; Dopplerov signál sa dá zaznamenať buď na ľavú alebo na pravú stranu.</t>
  </si>
  <si>
    <t xml:space="preserve">TCD obsahuje: </t>
  </si>
  <si>
    <t>systém na udržiavanie sondy v časovom akustickom okne pacienta</t>
  </si>
  <si>
    <t>robotizovaná transkraniálna sonda s jej protikusom; protikus vyvažuje rám okuliarov vybavený robotizovanou sondou; orientácia sondy je automaticky nastavená vd'aka dvom servomotorom</t>
  </si>
  <si>
    <t>Moduly umožňujú: používaterovi nastavit' Dopplerove parametre, ked' je pripojený k počítaču, používateľ začne monitorovat' záznam Dopplerovho signálu na pamáťovú kartu, keď je TCD odpojený od PC, automatické nastavenie orientácie sondy pri jej pripojení alebo odpojení od PC, modul je rahký a pacient ho rahko prenáša, ked je vložený do vyhradeného vaku.</t>
  </si>
  <si>
    <t>Balenie musí obsahovať:</t>
  </si>
  <si>
    <t>taška na prenášanie cez telo (modul sa vloží do tohto vaku, ked' je odpojený od PC a umiestnený na pacienta)</t>
  </si>
  <si>
    <t>Súčasť prístroja:</t>
  </si>
  <si>
    <t xml:space="preserve">Softvér umožňuje: </t>
  </si>
  <si>
    <t>Napájanie TCD: batéria</t>
  </si>
  <si>
    <t>Možnosť pripojiť počítač cez kábel USB.</t>
  </si>
  <si>
    <t>Systém má mať zariadenie na pripojenie k transkraniálnej Dopplerovej ručnej sonde alebo monitorovacej sonde.</t>
  </si>
  <si>
    <t>Z bezpečnostných dôvodov je hodnota TIC vždy &lt;1 bez ohľadu na silu</t>
  </si>
  <si>
    <t>Systém má mať robotizovanú transkraniálnu Dopplerovu monitorovaciu sondu, ktorá môže:</t>
  </si>
  <si>
    <t>Dva režimy činnosti systému:</t>
  </si>
  <si>
    <t>počas nahrávania Dopplerovho signálu zostáva počítač pripojený k PC</t>
  </si>
  <si>
    <t>pracuje ako Holter</t>
  </si>
  <si>
    <t>Keď je systém stále pripojený k počítaču, v reálnom čase je možné:</t>
  </si>
  <si>
    <t>Zobraziť Dopplerov signál.</t>
  </si>
  <si>
    <t>Nastavenie Dopplerových parametrov na optimalizáciu signálu.</t>
  </si>
  <si>
    <t>Vykonať detekciu embólie.</t>
  </si>
  <si>
    <t>Vkladanie ručných značiek.</t>
  </si>
  <si>
    <t>Zobraziť trendy VD, Vs, Vm, PI, RI.</t>
  </si>
  <si>
    <t>Vykonať test vazomotorickej reaktivity.</t>
  </si>
  <si>
    <t>Exportovať trendy v súbore Excel.</t>
  </si>
  <si>
    <t>Vytlačiť správy.</t>
  </si>
  <si>
    <t>Po zaznamenaní Dopplerovho signálu je možné:</t>
  </si>
  <si>
    <t>Sťahovanie signálu do počítača.</t>
  </si>
  <si>
    <t>Prehrať zaznamenaný signál na počítači.</t>
  </si>
  <si>
    <t>Vykonať detekciu embólie na zaznamenanom signáli.</t>
  </si>
  <si>
    <t>Schopnosť generovať správu, ktorá vytlačí alebo uložíť ako súbory .pdf / ods.</t>
  </si>
  <si>
    <t>Označenie systém CE.</t>
  </si>
  <si>
    <t>14.2</t>
  </si>
  <si>
    <t>14.3</t>
  </si>
  <si>
    <t>14.4</t>
  </si>
  <si>
    <t>14.5</t>
  </si>
  <si>
    <t>15.6</t>
  </si>
  <si>
    <t>15.7</t>
  </si>
  <si>
    <t>15.8</t>
  </si>
  <si>
    <t>20.1</t>
  </si>
  <si>
    <t>20.2</t>
  </si>
  <si>
    <t>20.3</t>
  </si>
  <si>
    <t>22.1</t>
  </si>
  <si>
    <t>22.2</t>
  </si>
  <si>
    <t>22.3</t>
  </si>
  <si>
    <t>23.1</t>
  </si>
  <si>
    <t>23.2</t>
  </si>
  <si>
    <t>24.1</t>
  </si>
  <si>
    <t>24.2</t>
  </si>
  <si>
    <t>24.3</t>
  </si>
  <si>
    <t>24.4</t>
  </si>
  <si>
    <t>24.5</t>
  </si>
  <si>
    <t>29.1</t>
  </si>
  <si>
    <t>29.2</t>
  </si>
  <si>
    <t>30.1</t>
  </si>
  <si>
    <t>30.2</t>
  </si>
  <si>
    <t>31.1</t>
  </si>
  <si>
    <t>31.2</t>
  </si>
  <si>
    <t>31.3</t>
  </si>
  <si>
    <t>31.4</t>
  </si>
  <si>
    <t>31.5</t>
  </si>
  <si>
    <t>31.6</t>
  </si>
  <si>
    <t>31.7</t>
  </si>
  <si>
    <t>31.8</t>
  </si>
  <si>
    <t>32.3</t>
  </si>
  <si>
    <t>32.4</t>
  </si>
  <si>
    <t>32.5</t>
  </si>
  <si>
    <t>32.6</t>
  </si>
  <si>
    <t>32.7</t>
  </si>
  <si>
    <t>32.8</t>
  </si>
  <si>
    <t>prehrávanie zaznamenaného Dopplerovho signálu</t>
  </si>
  <si>
    <t>detekciu embólie na zaznamenanom signále</t>
  </si>
  <si>
    <t>zobrazenie parametrov VD, Vs, Vm, PI, RI; vykonanie testu vazomotorickej reaktivity</t>
  </si>
  <si>
    <t>export parametrov v súbore Excel</t>
  </si>
  <si>
    <t>tlač správ</t>
  </si>
  <si>
    <t>transkraniálny Dopplerov softvér pod Windows na úpravu Dopplerových parametrov</t>
  </si>
  <si>
    <t>softvér na správu pamäťovej karty</t>
  </si>
  <si>
    <t>univerzálna nabíjačka</t>
  </si>
  <si>
    <t>transkraniálna ručná sonda</t>
  </si>
  <si>
    <t>špeciálny rám na okuliare (tri rámy röznych velkostí)</t>
  </si>
  <si>
    <t>uloženie celého Dopplerovho signálu na pamäťovej karte</t>
  </si>
  <si>
    <t>automatické zaznamenávanie TCD signálu, schopnosť vyhľadať najlepší signál v predvolenom nastavení intervalu, alebo keď signál slabne</t>
  </si>
  <si>
    <t>možnosť odpojenia TCD od PC</t>
  </si>
  <si>
    <t>Dopplerov signál je optimalizovaný pomocou softvérového modulu autosearch</t>
  </si>
  <si>
    <t>nastavenie a riadenie prostredníctvom počítača</t>
  </si>
  <si>
    <t>pacient nemusí byť pripojený k stacionárnemu TCD</t>
  </si>
  <si>
    <t>rekordér - malý, ľahký a napájaný z batérie s dobou záznamu dlhšou ako 5 hodín</t>
  </si>
  <si>
    <t>algoritmus autosearch obnoví insonizáciu ciev, keby kvalita signálu klesla</t>
  </si>
  <si>
    <t>robotizovaná, samonastaviteľná sonda</t>
  </si>
  <si>
    <t>pomôcť nájsť Dopplerov signál pri inštalácii systému na pacienta</t>
  </si>
  <si>
    <t>ak je pacient v pohybe, automaticky sa prispôsobuje</t>
  </si>
  <si>
    <t>po predchádzajúcom preukázateľnom upovedomení Objednávateľa minimálne 5 pracovných dní vopred tak, aby Objednávateľ mohol poskynúť potrebnú súčinnosť pri dodaní,</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Požaduje sa, aby výsledná cena predmetu zákazky ponúknutá Dodávateľom bola v súlade s aktuálne (t. j. v čase lehoty na predkladanie ponúk) obvyklou trhovou cenou predmetu zákazky.</t>
  </si>
  <si>
    <t>Požaduje sa možnosť uplatnenia si náhrady škody u Dodávateľa vo výške vzniknutého finančného rozdielu výslednej ceny predmetu zákazky a obvyklej trhovej ceny predmetu zákazky.</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oprava vád a porúch prístroja, t. j. uvedenie prístroja do stavu plnej využiteľnosti vzhľadom k jeho technickým parametrom,</t>
  </si>
  <si>
    <t xml:space="preserve">Dodávateľ poskytuje na prístroj a všetky jeho súčasti komplexnú záruku v trvaní 24 mesiacov odo dňa, kedy je prístroj uvedený do prevádzky. Uvedenie prístroja do prevádzky a začiatok plynutia záručnej doby sa potvrdí na preberacom protokole, ktorý podpíšu obe zmluvné strany, t. j. Dodávateľ a Objednávateľ, resp. ich oprávnení zástupcovia. Uvedená záručná doba sa automaticky predlžuje o dobu, po ktorú nemohol byť prístroj využívaný na účel, na ktorý je určený, a to z dôvodov na ktoré sa vzťahuje záruka. </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stupcom Objednávateľa.</t>
  </si>
  <si>
    <t xml:space="preserve">cenová ponuka iného dodávateľa je nižšia ako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Požaduje sa v prípade náhradných dielov v každom osobitnom prípade súhlas Objednávateľa s kúpu a montážou náhradného dielu a odsúhlasenie jeho ceny. Požaduje sa výlučne používanie originálnych náhradných dielov.</t>
  </si>
  <si>
    <t>8.1.</t>
  </si>
  <si>
    <t>8.2.</t>
  </si>
  <si>
    <t>8.3.</t>
  </si>
  <si>
    <t>8.4.</t>
  </si>
  <si>
    <t>8.5.</t>
  </si>
  <si>
    <t>8.6.</t>
  </si>
  <si>
    <t>8.7.</t>
  </si>
  <si>
    <t>8.8.</t>
  </si>
  <si>
    <t>8.9.</t>
  </si>
  <si>
    <t>8.10.</t>
  </si>
  <si>
    <t>10.2.</t>
  </si>
  <si>
    <t>18.1.</t>
  </si>
  <si>
    <t>18.2.</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28.1</t>
  </si>
  <si>
    <t>28.2</t>
  </si>
  <si>
    <t>do 60 kalendárnych dní odo dňa doručenia objednávky vystavenej Objednávateľom (do lehoty sa nezapočítavajú dni pracovného voľna, pracovného pokoja a štátne sviatky), pričom vystavenie objednávky je závislé od technologického projektu ponuky úspešného uchádzača a s tým súvisiaciej dĺžky a zložitosti stavebných úprav priestorov, v ktorých bude prístroj umiestnený,</t>
  </si>
  <si>
    <t>Požaduje sa dodanie prístroja:</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r>
      <rPr>
        <b/>
        <sz val="10"/>
        <rFont val="Arial"/>
        <family val="2"/>
        <charset val="238"/>
      </rPr>
      <t xml:space="preserve">Poistenie prevádzkovej zodpovednosti vo výške ročnej ceny za služby
</t>
    </r>
    <r>
      <rPr>
        <sz val="10"/>
        <color rgb="FFFF0000"/>
        <rFont val="Arial"/>
        <family val="2"/>
        <charset val="238"/>
      </rPr>
      <t>V zákazke sa bude požadovať od úspešného uchádzača.</t>
    </r>
  </si>
  <si>
    <t>Servisná starostlivosť o zariadenie vo vlastníctve objednávateľa.</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Nástup na opravu do 24 hodín od nahlásenia poruchy.</t>
  </si>
  <si>
    <t>Vykonávanie opráv v čase od 7:00 do 15:00.</t>
  </si>
  <si>
    <t>Použivanie len originálnych náhradných dielov.</t>
  </si>
  <si>
    <t>Oprávnenie dodávateľa na servis výrobkov.</t>
  </si>
  <si>
    <t>Osvedčenie servisného technika na servis zariadení výrobcu.</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bgColor indexed="64"/>
      </patternFill>
    </fill>
    <fill>
      <patternFill patternType="solid">
        <fgColor theme="5" tint="0.79998168889431442"/>
        <bgColor indexed="64"/>
      </patternFill>
    </fill>
  </fills>
  <borders count="4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style="thin">
        <color auto="1"/>
      </right>
      <top style="thin">
        <color auto="1"/>
      </top>
      <bottom/>
      <diagonal/>
    </border>
    <border>
      <left style="medium">
        <color auto="1"/>
      </left>
      <right style="thin">
        <color auto="1"/>
      </right>
      <top/>
      <bottom style="thin">
        <color auto="1"/>
      </bottom>
      <diagonal/>
    </border>
    <border>
      <left style="thin">
        <color auto="1"/>
      </left>
      <right/>
      <top style="thin">
        <color auto="1"/>
      </top>
      <bottom style="dotted">
        <color auto="1"/>
      </bottom>
      <diagonal/>
    </border>
    <border>
      <left style="thin">
        <color auto="1"/>
      </left>
      <right/>
      <top style="dotted">
        <color auto="1"/>
      </top>
      <bottom style="thin">
        <color auto="1"/>
      </bottom>
      <diagonal/>
    </border>
    <border>
      <left style="thin">
        <color auto="1"/>
      </left>
      <right/>
      <top style="dotted">
        <color auto="1"/>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medium">
        <color auto="1"/>
      </left>
      <right style="thin">
        <color auto="1"/>
      </right>
      <top style="thin">
        <color auto="1"/>
      </top>
      <bottom style="dotted">
        <color auto="1"/>
      </bottom>
      <diagonal/>
    </border>
    <border>
      <left/>
      <right style="medium">
        <color indexed="64"/>
      </right>
      <top style="thin">
        <color auto="1"/>
      </top>
      <bottom style="thin">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right/>
      <top style="medium">
        <color auto="1"/>
      </top>
      <bottom style="thin">
        <color auto="1"/>
      </bottom>
      <diagonal/>
    </border>
    <border>
      <left style="thin">
        <color auto="1"/>
      </left>
      <right/>
      <top/>
      <bottom style="thin">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0" fontId="4" fillId="0" borderId="10" xfId="0" applyFont="1" applyFill="1" applyBorder="1" applyAlignment="1">
      <alignment vertical="center" wrapText="1"/>
    </xf>
    <xf numFmtId="0" fontId="4" fillId="0" borderId="10" xfId="0" applyFont="1" applyFill="1" applyBorder="1" applyAlignment="1">
      <alignment horizontal="center" vertical="center" wrapText="1"/>
    </xf>
    <xf numFmtId="49" fontId="4" fillId="0" borderId="10" xfId="0" applyNumberFormat="1" applyFont="1" applyFill="1" applyBorder="1" applyAlignment="1">
      <alignment vertical="center" wrapText="1"/>
    </xf>
    <xf numFmtId="49" fontId="2" fillId="0" borderId="8" xfId="0" applyNumberFormat="1" applyFont="1" applyFill="1" applyBorder="1" applyAlignment="1">
      <alignment horizontal="center" vertical="center"/>
    </xf>
    <xf numFmtId="49" fontId="2" fillId="0" borderId="11" xfId="0" applyNumberFormat="1" applyFont="1" applyFill="1" applyBorder="1" applyAlignment="1">
      <alignment horizontal="center" vertical="center"/>
    </xf>
    <xf numFmtId="49" fontId="4" fillId="0" borderId="20" xfId="0" applyNumberFormat="1" applyFont="1" applyFill="1" applyBorder="1" applyAlignment="1">
      <alignment vertical="center" wrapText="1"/>
    </xf>
    <xf numFmtId="16" fontId="5" fillId="0" borderId="0" xfId="0" applyNumberFormat="1" applyFont="1" applyFill="1" applyAlignment="1">
      <alignment horizontal="left" vertical="top" wrapText="1"/>
    </xf>
    <xf numFmtId="0" fontId="2" fillId="0" borderId="25" xfId="0" applyNumberFormat="1" applyFont="1" applyFill="1" applyBorder="1" applyAlignment="1">
      <alignment horizontal="center" vertical="center" wrapText="1"/>
    </xf>
    <xf numFmtId="0" fontId="3" fillId="0" borderId="0" xfId="0" applyFont="1" applyFill="1" applyAlignment="1">
      <alignment vertical="center"/>
    </xf>
    <xf numFmtId="0" fontId="2" fillId="0" borderId="20" xfId="0" applyNumberFormat="1" applyFont="1" applyFill="1" applyBorder="1" applyAlignment="1">
      <alignment horizontal="center" vertical="center" wrapText="1"/>
    </xf>
    <xf numFmtId="49" fontId="2" fillId="0" borderId="8" xfId="0" applyNumberFormat="1" applyFont="1" applyFill="1" applyBorder="1" applyAlignment="1">
      <alignment horizontal="center" vertical="center" wrapText="1"/>
    </xf>
    <xf numFmtId="49" fontId="2" fillId="0" borderId="26" xfId="0" applyNumberFormat="1" applyFont="1" applyFill="1" applyBorder="1" applyAlignment="1">
      <alignment horizontal="center" vertical="center" wrapText="1"/>
    </xf>
    <xf numFmtId="49" fontId="2" fillId="0" borderId="32" xfId="0" applyNumberFormat="1" applyFont="1" applyFill="1" applyBorder="1" applyAlignment="1">
      <alignment horizontal="center" vertical="center" wrapText="1"/>
    </xf>
    <xf numFmtId="49" fontId="2" fillId="5" borderId="30" xfId="0" applyNumberFormat="1" applyFont="1" applyFill="1" applyBorder="1" applyAlignment="1">
      <alignment horizontal="right" vertical="center" wrapText="1"/>
    </xf>
    <xf numFmtId="49" fontId="2" fillId="5" borderId="31" xfId="0" applyNumberFormat="1" applyFont="1" applyFill="1" applyBorder="1" applyAlignment="1">
      <alignment horizontal="right" vertical="center" wrapText="1"/>
    </xf>
    <xf numFmtId="0" fontId="4" fillId="5" borderId="5" xfId="0" applyFont="1" applyFill="1" applyBorder="1" applyAlignment="1">
      <alignment vertical="center" wrapText="1"/>
    </xf>
    <xf numFmtId="0" fontId="4" fillId="5" borderId="27" xfId="0" applyFont="1" applyFill="1" applyBorder="1" applyAlignment="1">
      <alignment vertical="center" wrapText="1"/>
    </xf>
    <xf numFmtId="0" fontId="4" fillId="5" borderId="29" xfId="0" applyFont="1" applyFill="1" applyBorder="1" applyAlignment="1">
      <alignment vertical="center" wrapText="1"/>
    </xf>
    <xf numFmtId="0" fontId="4" fillId="5" borderId="28" xfId="0" applyFont="1" applyFill="1" applyBorder="1" applyAlignment="1">
      <alignment vertical="center" wrapText="1"/>
    </xf>
    <xf numFmtId="0" fontId="4" fillId="0" borderId="5" xfId="0" applyFont="1" applyFill="1" applyBorder="1" applyAlignment="1">
      <alignment vertical="center" wrapText="1"/>
    </xf>
    <xf numFmtId="49" fontId="2" fillId="0" borderId="30" xfId="0" applyNumberFormat="1" applyFont="1" applyFill="1" applyBorder="1" applyAlignment="1">
      <alignment horizontal="right" vertical="center" wrapText="1"/>
    </xf>
    <xf numFmtId="0" fontId="7" fillId="0" borderId="10" xfId="0" applyNumberFormat="1" applyFont="1" applyBorder="1" applyAlignment="1">
      <alignment horizontal="center" vertical="center" wrapText="1"/>
    </xf>
    <xf numFmtId="0" fontId="3" fillId="0" borderId="10" xfId="0" applyFont="1" applyFill="1" applyBorder="1" applyAlignment="1">
      <alignment horizontal="left" vertical="center" wrapText="1"/>
    </xf>
    <xf numFmtId="49" fontId="4" fillId="0" borderId="5" xfId="0" applyNumberFormat="1" applyFont="1" applyFill="1" applyBorder="1" applyAlignment="1">
      <alignment vertical="center" wrapText="1"/>
    </xf>
    <xf numFmtId="49" fontId="2" fillId="0" borderId="26" xfId="0" applyNumberFormat="1" applyFont="1" applyBorder="1" applyAlignment="1">
      <alignment horizontal="center" vertical="center" wrapText="1"/>
    </xf>
    <xf numFmtId="0" fontId="4" fillId="0" borderId="39" xfId="0" applyFont="1" applyBorder="1" applyAlignment="1">
      <alignment vertical="center" wrapText="1"/>
    </xf>
    <xf numFmtId="0" fontId="2" fillId="0" borderId="34" xfId="0" applyNumberFormat="1" applyFont="1" applyBorder="1" applyAlignment="1">
      <alignment horizontal="center" vertical="center" wrapText="1"/>
    </xf>
    <xf numFmtId="0" fontId="2" fillId="0" borderId="40" xfId="0" applyNumberFormat="1" applyFont="1" applyBorder="1" applyAlignment="1">
      <alignment horizontal="center" vertical="center" wrapText="1"/>
    </xf>
    <xf numFmtId="0" fontId="2" fillId="0" borderId="42" xfId="0" applyNumberFormat="1" applyFont="1" applyBorder="1" applyAlignment="1">
      <alignment horizontal="center" vertical="center" wrapText="1"/>
    </xf>
    <xf numFmtId="49" fontId="2" fillId="0" borderId="31" xfId="0" applyNumberFormat="1" applyFont="1" applyFill="1" applyBorder="1" applyAlignment="1">
      <alignment horizontal="right" vertical="center" wrapText="1"/>
    </xf>
    <xf numFmtId="0" fontId="2" fillId="0" borderId="44" xfId="0" applyNumberFormat="1" applyFont="1" applyBorder="1" applyAlignment="1">
      <alignment horizontal="center" vertical="center" wrapText="1"/>
    </xf>
    <xf numFmtId="49" fontId="2" fillId="5" borderId="32" xfId="0" applyNumberFormat="1" applyFont="1" applyFill="1" applyBorder="1" applyAlignment="1">
      <alignment horizontal="center" vertical="center" wrapText="1"/>
    </xf>
    <xf numFmtId="0" fontId="4" fillId="5" borderId="40" xfId="0" applyFont="1" applyFill="1" applyBorder="1" applyAlignment="1">
      <alignment vertical="center" wrapText="1"/>
    </xf>
    <xf numFmtId="0" fontId="4" fillId="5" borderId="42" xfId="0" applyFont="1" applyFill="1" applyBorder="1" applyAlignment="1">
      <alignment vertical="center" wrapText="1"/>
    </xf>
    <xf numFmtId="0" fontId="4" fillId="5" borderId="44" xfId="0" applyFont="1" applyFill="1" applyBorder="1" applyAlignment="1">
      <alignment vertical="center" wrapText="1"/>
    </xf>
    <xf numFmtId="0" fontId="2" fillId="0" borderId="5"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23" xfId="0" applyFont="1" applyFill="1" applyBorder="1" applyAlignment="1">
      <alignment horizontal="left" vertical="center" wrapText="1"/>
    </xf>
    <xf numFmtId="49" fontId="5" fillId="0" borderId="10" xfId="0" applyNumberFormat="1" applyFont="1" applyFill="1" applyBorder="1" applyAlignment="1">
      <alignment vertical="center" wrapText="1"/>
    </xf>
    <xf numFmtId="0" fontId="2" fillId="0" borderId="10" xfId="0" applyNumberFormat="1" applyFont="1" applyFill="1" applyBorder="1" applyAlignment="1">
      <alignment horizontal="center" vertical="center" wrapText="1"/>
    </xf>
    <xf numFmtId="49" fontId="4" fillId="0" borderId="8" xfId="0" applyNumberFormat="1" applyFont="1" applyBorder="1" applyAlignment="1">
      <alignment horizontal="center" vertical="center"/>
    </xf>
    <xf numFmtId="49" fontId="4" fillId="0" borderId="8" xfId="0" applyNumberFormat="1" applyFont="1" applyBorder="1" applyAlignment="1">
      <alignment horizontal="right" vertical="center"/>
    </xf>
    <xf numFmtId="49" fontId="4" fillId="0" borderId="11" xfId="0" applyNumberFormat="1" applyFont="1" applyBorder="1" applyAlignment="1">
      <alignment horizontal="center" vertical="center"/>
    </xf>
    <xf numFmtId="49" fontId="4" fillId="0" borderId="46" xfId="0" applyNumberFormat="1" applyFont="1" applyFill="1" applyBorder="1" applyAlignment="1">
      <alignment vertical="center" wrapText="1"/>
    </xf>
    <xf numFmtId="0" fontId="4" fillId="5" borderId="46" xfId="0" applyFont="1" applyFill="1" applyBorder="1" applyAlignment="1">
      <alignment vertical="center" wrapText="1"/>
    </xf>
    <xf numFmtId="0" fontId="2" fillId="0" borderId="20" xfId="0" applyNumberFormat="1" applyFont="1" applyBorder="1" applyAlignment="1">
      <alignment horizontal="center" vertical="center" wrapText="1"/>
    </xf>
    <xf numFmtId="49" fontId="2" fillId="0" borderId="46" xfId="0" applyNumberFormat="1" applyFont="1" applyFill="1" applyBorder="1" applyAlignment="1">
      <alignment horizontal="center" vertical="center" wrapText="1"/>
    </xf>
    <xf numFmtId="49" fontId="2" fillId="0" borderId="47" xfId="0" applyNumberFormat="1" applyFont="1" applyFill="1" applyBorder="1" applyAlignment="1">
      <alignment horizontal="center" vertical="center" wrapText="1"/>
    </xf>
    <xf numFmtId="49" fontId="2" fillId="0" borderId="5" xfId="0" applyNumberFormat="1" applyFont="1" applyFill="1" applyBorder="1" applyAlignment="1">
      <alignment horizontal="center" vertical="center" wrapText="1"/>
    </xf>
    <xf numFmtId="49" fontId="2" fillId="0" borderId="33" xfId="0" applyNumberFormat="1" applyFont="1" applyFill="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5" fillId="6" borderId="36" xfId="0" applyNumberFormat="1" applyFont="1" applyFill="1" applyBorder="1" applyAlignment="1">
      <alignment horizontal="left" vertical="center" wrapText="1"/>
    </xf>
    <xf numFmtId="49" fontId="5" fillId="6" borderId="38" xfId="0" applyNumberFormat="1" applyFont="1" applyFill="1" applyBorder="1" applyAlignment="1">
      <alignment horizontal="left" vertical="center" wrapText="1"/>
    </xf>
    <xf numFmtId="49" fontId="5" fillId="6" borderId="37" xfId="0" applyNumberFormat="1" applyFont="1" applyFill="1" applyBorder="1" applyAlignment="1">
      <alignment horizontal="left" vertical="center" wrapText="1"/>
    </xf>
    <xf numFmtId="49" fontId="2" fillId="0" borderId="10" xfId="0" applyNumberFormat="1" applyFont="1" applyFill="1" applyBorder="1" applyAlignment="1">
      <alignment horizontal="center" vertical="center" wrapText="1"/>
    </xf>
    <xf numFmtId="49" fontId="2" fillId="0" borderId="9" xfId="0" applyNumberFormat="1" applyFont="1" applyFill="1" applyBorder="1" applyAlignment="1">
      <alignment horizontal="center" vertical="center" wrapText="1"/>
    </xf>
    <xf numFmtId="49" fontId="2" fillId="0" borderId="20" xfId="0" applyNumberFormat="1" applyFont="1" applyFill="1" applyBorder="1" applyAlignment="1">
      <alignment horizontal="center" vertical="center" wrapText="1"/>
    </xf>
    <xf numFmtId="49" fontId="2" fillId="0" borderId="21" xfId="0" applyNumberFormat="1" applyFont="1" applyFill="1" applyBorder="1" applyAlignment="1">
      <alignment horizontal="center" vertical="center" wrapText="1"/>
    </xf>
    <xf numFmtId="0" fontId="2" fillId="0" borderId="40" xfId="0" applyFont="1" applyFill="1" applyBorder="1" applyAlignment="1">
      <alignment horizontal="left" vertical="center" wrapText="1"/>
    </xf>
    <xf numFmtId="0" fontId="2" fillId="0" borderId="41"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0" borderId="44"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5"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3" fillId="0" borderId="0" xfId="0" applyNumberFormat="1" applyFont="1" applyFill="1" applyAlignment="1">
      <alignment horizontal="left" vertical="center" wrapText="1"/>
    </xf>
    <xf numFmtId="49" fontId="5" fillId="6" borderId="26" xfId="0" applyNumberFormat="1" applyFont="1" applyFill="1" applyBorder="1" applyAlignment="1">
      <alignment horizontal="left" vertical="center" wrapText="1"/>
    </xf>
    <xf numFmtId="49" fontId="5" fillId="6" borderId="34" xfId="0" applyNumberFormat="1" applyFont="1" applyFill="1" applyBorder="1" applyAlignment="1">
      <alignment horizontal="left" vertical="center" wrapText="1"/>
    </xf>
    <xf numFmtId="49" fontId="5" fillId="6" borderId="35" xfId="0" applyNumberFormat="1"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Fill="1" applyAlignment="1">
      <alignment horizontal="left" vertical="top" wrapText="1"/>
    </xf>
    <xf numFmtId="49" fontId="5" fillId="6" borderId="22" xfId="0" applyNumberFormat="1" applyFont="1" applyFill="1" applyBorder="1" applyAlignment="1">
      <alignment horizontal="left" vertical="center" wrapText="1"/>
    </xf>
    <xf numFmtId="49" fontId="5" fillId="6" borderId="23" xfId="0" applyNumberFormat="1" applyFont="1" applyFill="1" applyBorder="1" applyAlignment="1">
      <alignment horizontal="left" vertical="center" wrapText="1"/>
    </xf>
    <xf numFmtId="49" fontId="5" fillId="6" borderId="24" xfId="0" applyNumberFormat="1"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4" fillId="0" borderId="0" xfId="0" applyNumberFormat="1" applyFont="1" applyFill="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5"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cellXfs>
  <cellStyles count="6">
    <cellStyle name="Normálna 2" xfId="2"/>
    <cellStyle name="Normálne" xfId="0" builtinId="0"/>
    <cellStyle name="Normálne 2" xfId="3"/>
    <cellStyle name="normálne 2 2" xfId="1"/>
    <cellStyle name="normálne 2 2 2" xfId="4"/>
    <cellStyle name="Normálne 4" xfId="5"/>
  </cellStyles>
  <dxfs count="2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254"/>
  <sheetViews>
    <sheetView showGridLines="0" tabSelected="1" zoomScaleNormal="100" workbookViewId="0"/>
  </sheetViews>
  <sheetFormatPr defaultColWidth="9.140625"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54.28515625" style="1" customWidth="1"/>
    <col min="8" max="8" width="9.140625" style="1"/>
    <col min="9" max="9" width="9.140625" style="1" customWidth="1"/>
    <col min="10" max="16384" width="9.140625" style="1"/>
  </cols>
  <sheetData>
    <row r="1" spans="2:6" ht="24" customHeight="1" x14ac:dyDescent="0.2">
      <c r="B1" s="161" t="s">
        <v>48</v>
      </c>
      <c r="C1" s="161"/>
      <c r="D1" s="161"/>
      <c r="E1" s="161"/>
      <c r="F1" s="161"/>
    </row>
    <row r="2" spans="2:6" ht="27.75" customHeight="1" x14ac:dyDescent="0.2">
      <c r="B2" s="160" t="s">
        <v>154</v>
      </c>
      <c r="C2" s="160"/>
      <c r="D2" s="160"/>
      <c r="E2" s="160"/>
      <c r="F2" s="160"/>
    </row>
    <row r="3" spans="2:6" ht="54.75" customHeight="1" x14ac:dyDescent="0.2">
      <c r="B3" s="166" t="s">
        <v>52</v>
      </c>
      <c r="C3" s="166"/>
      <c r="D3" s="166"/>
      <c r="E3" s="166"/>
      <c r="F3" s="166"/>
    </row>
    <row r="4" spans="2:6" ht="24.95" customHeight="1" x14ac:dyDescent="0.2">
      <c r="B4" s="41" t="s">
        <v>51</v>
      </c>
      <c r="C4" s="42"/>
      <c r="D4" s="38"/>
      <c r="E4" s="38"/>
      <c r="F4" s="38"/>
    </row>
    <row r="5" spans="2:6" ht="24.95" customHeight="1" x14ac:dyDescent="0.2">
      <c r="B5" s="41" t="s">
        <v>49</v>
      </c>
      <c r="C5" s="43"/>
      <c r="D5" s="38"/>
      <c r="E5" s="38"/>
      <c r="F5" s="38"/>
    </row>
    <row r="6" spans="2:6" ht="5.0999999999999996" customHeight="1" x14ac:dyDescent="0.2">
      <c r="B6" s="38"/>
      <c r="C6" s="38"/>
      <c r="D6" s="38"/>
      <c r="E6" s="38"/>
      <c r="F6" s="38"/>
    </row>
    <row r="7" spans="2:6" s="2" customFormat="1" ht="20.100000000000001" customHeight="1" x14ac:dyDescent="0.25">
      <c r="B7" s="124" t="s">
        <v>5</v>
      </c>
      <c r="C7" s="124"/>
      <c r="D7" s="124"/>
      <c r="E7" s="124"/>
      <c r="F7" s="124"/>
    </row>
    <row r="8" spans="2:6" s="2" customFormat="1" ht="20.100000000000001" customHeight="1" x14ac:dyDescent="0.25">
      <c r="B8" s="167" t="s">
        <v>9</v>
      </c>
      <c r="C8" s="167"/>
      <c r="D8" s="167"/>
      <c r="E8" s="167"/>
      <c r="F8" s="167"/>
    </row>
    <row r="9" spans="2:6" ht="28.5" customHeight="1" x14ac:dyDescent="0.2">
      <c r="B9" s="168" t="s">
        <v>183</v>
      </c>
      <c r="C9" s="168"/>
      <c r="D9" s="168"/>
      <c r="E9" s="168"/>
      <c r="F9" s="168"/>
    </row>
    <row r="10" spans="2:6" ht="4.5" customHeight="1" x14ac:dyDescent="0.2">
      <c r="B10" s="40"/>
      <c r="C10" s="40"/>
      <c r="D10" s="40"/>
      <c r="E10" s="40"/>
      <c r="F10" s="40"/>
    </row>
    <row r="11" spans="2:6" s="2" customFormat="1" ht="20.100000000000001" customHeight="1" x14ac:dyDescent="0.25">
      <c r="B11" s="169" t="s">
        <v>10</v>
      </c>
      <c r="C11" s="169"/>
      <c r="D11" s="169"/>
      <c r="E11" s="169"/>
      <c r="F11" s="169"/>
    </row>
    <row r="12" spans="2:6" s="2" customFormat="1" ht="20.100000000000001" customHeight="1" x14ac:dyDescent="0.25">
      <c r="B12" s="151" t="s">
        <v>182</v>
      </c>
      <c r="C12" s="151"/>
      <c r="D12" s="151"/>
      <c r="E12" s="44"/>
      <c r="F12" s="44"/>
    </row>
    <row r="13" spans="2:6" s="2" customFormat="1" ht="20.100000000000001" customHeight="1" x14ac:dyDescent="0.25">
      <c r="B13" s="151" t="s">
        <v>72</v>
      </c>
      <c r="C13" s="151"/>
      <c r="D13" s="151"/>
      <c r="E13" s="54"/>
      <c r="F13" s="54"/>
    </row>
    <row r="14" spans="2:6" s="2" customFormat="1" ht="20.100000000000001" customHeight="1" x14ac:dyDescent="0.25">
      <c r="B14" s="151" t="s">
        <v>75</v>
      </c>
      <c r="C14" s="151"/>
      <c r="D14" s="151"/>
      <c r="E14" s="61"/>
      <c r="F14" s="61"/>
    </row>
    <row r="15" spans="2:6" s="2" customFormat="1" ht="20.100000000000001" customHeight="1" x14ac:dyDescent="0.25">
      <c r="B15" s="151" t="s">
        <v>27</v>
      </c>
      <c r="C15" s="151"/>
      <c r="D15" s="151"/>
      <c r="E15" s="48"/>
      <c r="F15" s="48"/>
    </row>
    <row r="16" spans="2:6" ht="4.5" customHeight="1" x14ac:dyDescent="0.2">
      <c r="B16" s="45"/>
      <c r="C16" s="45"/>
      <c r="D16" s="45"/>
      <c r="E16" s="40"/>
      <c r="F16" s="40"/>
    </row>
    <row r="17" spans="2:6" ht="20.100000000000001" customHeight="1" x14ac:dyDescent="0.2">
      <c r="B17" s="39" t="s">
        <v>11</v>
      </c>
      <c r="C17" s="21"/>
      <c r="D17" s="21"/>
      <c r="E17" s="22"/>
      <c r="F17" s="22"/>
    </row>
    <row r="18" spans="2:6" s="3" customFormat="1" ht="24.95" customHeight="1" x14ac:dyDescent="0.25">
      <c r="B18" s="164" t="s">
        <v>66</v>
      </c>
      <c r="C18" s="164"/>
      <c r="D18" s="164"/>
      <c r="E18" s="19"/>
      <c r="F18" s="20"/>
    </row>
    <row r="19" spans="2:6" ht="5.0999999999999996" customHeight="1" x14ac:dyDescent="0.2">
      <c r="B19" s="165"/>
      <c r="C19" s="165"/>
      <c r="D19" s="165"/>
      <c r="F19" s="15"/>
    </row>
    <row r="20" spans="2:6" s="2" customFormat="1" ht="20.100000000000001" customHeight="1" x14ac:dyDescent="0.25">
      <c r="B20" s="124" t="s">
        <v>24</v>
      </c>
      <c r="C20" s="124"/>
      <c r="D20" s="124"/>
      <c r="E20" s="124"/>
      <c r="F20" s="124"/>
    </row>
    <row r="21" spans="2:6" ht="42" customHeight="1" x14ac:dyDescent="0.2">
      <c r="B21" s="157" t="s">
        <v>184</v>
      </c>
      <c r="C21" s="157"/>
      <c r="D21" s="157"/>
      <c r="E21" s="157"/>
      <c r="F21" s="157"/>
    </row>
    <row r="22" spans="2:6" ht="5.0999999999999996" customHeight="1" x14ac:dyDescent="0.2">
      <c r="B22" s="165"/>
      <c r="C22" s="165"/>
      <c r="D22" s="165"/>
      <c r="F22" s="15"/>
    </row>
    <row r="23" spans="2:6" s="2" customFormat="1" ht="20.100000000000001" customHeight="1" x14ac:dyDescent="0.25">
      <c r="B23" s="124" t="s">
        <v>25</v>
      </c>
      <c r="C23" s="124"/>
      <c r="D23" s="124"/>
      <c r="E23" s="124"/>
      <c r="F23" s="124"/>
    </row>
    <row r="24" spans="2:6" s="9" customFormat="1" ht="20.100000000000001" customHeight="1" x14ac:dyDescent="0.25">
      <c r="B24" s="141" t="s">
        <v>6</v>
      </c>
      <c r="C24" s="141"/>
      <c r="D24" s="141"/>
      <c r="E24" s="141"/>
      <c r="F24" s="141"/>
    </row>
    <row r="25" spans="2:6" s="9" customFormat="1" ht="20.100000000000001" customHeight="1" x14ac:dyDescent="0.25">
      <c r="B25" s="149" t="s">
        <v>18</v>
      </c>
      <c r="C25" s="150"/>
      <c r="D25" s="14"/>
      <c r="E25" s="14"/>
      <c r="F25" s="14"/>
    </row>
    <row r="26" spans="2:6" s="9" customFormat="1" ht="20.100000000000001" customHeight="1" x14ac:dyDescent="0.25">
      <c r="B26" s="13"/>
      <c r="C26" s="13" t="s">
        <v>22</v>
      </c>
      <c r="D26" s="14"/>
      <c r="E26" s="14"/>
      <c r="F26" s="14"/>
    </row>
    <row r="27" spans="2:6" s="9" customFormat="1" ht="20.100000000000001" customHeight="1" x14ac:dyDescent="0.25">
      <c r="B27" s="13"/>
      <c r="C27" s="13" t="s">
        <v>23</v>
      </c>
      <c r="D27" s="14"/>
      <c r="E27" s="14"/>
      <c r="F27" s="14"/>
    </row>
    <row r="28" spans="2:6" s="9" customFormat="1" ht="20.100000000000001" customHeight="1" x14ac:dyDescent="0.25">
      <c r="B28" s="149" t="s">
        <v>19</v>
      </c>
      <c r="C28" s="150"/>
      <c r="D28" s="14"/>
      <c r="E28" s="14"/>
      <c r="F28" s="14"/>
    </row>
    <row r="29" spans="2:6" s="9" customFormat="1" ht="31.5" customHeight="1" x14ac:dyDescent="0.25">
      <c r="B29" s="17" t="s">
        <v>20</v>
      </c>
      <c r="C29" s="147" t="s">
        <v>13</v>
      </c>
      <c r="D29" s="148"/>
      <c r="E29" s="18" t="s">
        <v>12</v>
      </c>
      <c r="F29" s="18" t="s">
        <v>14</v>
      </c>
    </row>
    <row r="30" spans="2:6" s="9" customFormat="1" ht="24.95" customHeight="1" x14ac:dyDescent="0.25">
      <c r="B30" s="46" t="s">
        <v>2</v>
      </c>
      <c r="C30" s="155" t="s">
        <v>185</v>
      </c>
      <c r="D30" s="156"/>
      <c r="E30" s="16" t="s">
        <v>1</v>
      </c>
      <c r="F30" s="47">
        <v>1</v>
      </c>
    </row>
    <row r="31" spans="2:6" s="9" customFormat="1" ht="24.95" customHeight="1" x14ac:dyDescent="0.25">
      <c r="B31" s="55" t="s">
        <v>71</v>
      </c>
      <c r="C31" s="155" t="s">
        <v>73</v>
      </c>
      <c r="D31" s="156"/>
      <c r="E31" s="56" t="s">
        <v>1</v>
      </c>
      <c r="F31" s="47">
        <v>60</v>
      </c>
    </row>
    <row r="32" spans="2:6" s="9" customFormat="1" ht="4.5" customHeight="1" x14ac:dyDescent="0.25">
      <c r="B32" s="14"/>
      <c r="C32" s="14"/>
      <c r="D32" s="14"/>
      <c r="E32" s="14"/>
      <c r="F32" s="14"/>
    </row>
    <row r="33" spans="2:7" s="9" customFormat="1" ht="20.100000000000001" customHeight="1" x14ac:dyDescent="0.25">
      <c r="B33" s="149" t="s">
        <v>21</v>
      </c>
      <c r="C33" s="150"/>
      <c r="D33" s="14"/>
      <c r="E33" s="14"/>
      <c r="F33" s="14"/>
    </row>
    <row r="34" spans="2:7" s="9" customFormat="1" ht="20.100000000000001" customHeight="1" x14ac:dyDescent="0.2">
      <c r="B34" s="10"/>
      <c r="C34" s="9" t="s">
        <v>3</v>
      </c>
      <c r="D34" s="14"/>
      <c r="E34" s="14"/>
      <c r="F34" s="14"/>
    </row>
    <row r="35" spans="2:7" s="9" customFormat="1" ht="20.100000000000001" customHeight="1" x14ac:dyDescent="0.25">
      <c r="B35" s="13"/>
      <c r="C35" s="2" t="s">
        <v>4</v>
      </c>
      <c r="D35" s="14"/>
      <c r="E35" s="14"/>
      <c r="F35" s="14"/>
    </row>
    <row r="36" spans="2:7" ht="5.0999999999999996" customHeight="1" x14ac:dyDescent="0.2"/>
    <row r="37" spans="2:7" s="2" customFormat="1" ht="20.100000000000001" customHeight="1" x14ac:dyDescent="0.25">
      <c r="B37" s="124" t="s">
        <v>26</v>
      </c>
      <c r="C37" s="124"/>
      <c r="D37" s="124"/>
      <c r="E37" s="124"/>
      <c r="F37" s="124"/>
    </row>
    <row r="38" spans="2:7" s="2" customFormat="1" ht="5.0999999999999996" customHeight="1" thickBot="1" x14ac:dyDescent="0.3">
      <c r="B38" s="15"/>
      <c r="D38" s="6"/>
      <c r="E38" s="6"/>
      <c r="F38" s="6"/>
    </row>
    <row r="39" spans="2:7" s="3" customFormat="1" ht="93" customHeight="1" x14ac:dyDescent="0.25">
      <c r="B39" s="125" t="s">
        <v>0</v>
      </c>
      <c r="C39" s="126"/>
      <c r="D39" s="129" t="s">
        <v>28</v>
      </c>
      <c r="E39" s="130"/>
      <c r="F39" s="131"/>
      <c r="G39" s="23"/>
    </row>
    <row r="40" spans="2:7" s="3" customFormat="1" ht="30" customHeight="1" thickBot="1" x14ac:dyDescent="0.3">
      <c r="B40" s="127"/>
      <c r="C40" s="128"/>
      <c r="D40" s="24" t="s">
        <v>29</v>
      </c>
      <c r="E40" s="158" t="s">
        <v>30</v>
      </c>
      <c r="F40" s="159"/>
    </row>
    <row r="41" spans="2:7" s="25" customFormat="1" ht="30.75" customHeight="1" x14ac:dyDescent="0.25">
      <c r="B41" s="152" t="s">
        <v>186</v>
      </c>
      <c r="C41" s="153"/>
      <c r="D41" s="153"/>
      <c r="E41" s="153"/>
      <c r="F41" s="154"/>
    </row>
    <row r="42" spans="2:7" s="4" customFormat="1" ht="54.75" customHeight="1" x14ac:dyDescent="0.25">
      <c r="B42" s="95" t="s">
        <v>16</v>
      </c>
      <c r="C42" s="78" t="s">
        <v>187</v>
      </c>
      <c r="D42" s="94"/>
      <c r="E42" s="103"/>
      <c r="F42" s="104"/>
    </row>
    <row r="43" spans="2:7" s="4" customFormat="1" ht="44.25" customHeight="1" x14ac:dyDescent="0.25">
      <c r="B43" s="95" t="s">
        <v>57</v>
      </c>
      <c r="C43" s="78" t="s">
        <v>188</v>
      </c>
      <c r="D43" s="94"/>
      <c r="E43" s="103"/>
      <c r="F43" s="104"/>
    </row>
    <row r="44" spans="2:7" s="4" customFormat="1" ht="38.25" x14ac:dyDescent="0.25">
      <c r="B44" s="95" t="s">
        <v>58</v>
      </c>
      <c r="C44" s="78" t="s">
        <v>189</v>
      </c>
      <c r="D44" s="94"/>
      <c r="E44" s="103"/>
      <c r="F44" s="104"/>
    </row>
    <row r="45" spans="2:7" s="4" customFormat="1" ht="30" customHeight="1" x14ac:dyDescent="0.25">
      <c r="B45" s="95" t="s">
        <v>59</v>
      </c>
      <c r="C45" s="78" t="s">
        <v>190</v>
      </c>
      <c r="D45" s="94"/>
      <c r="E45" s="103"/>
      <c r="F45" s="104"/>
    </row>
    <row r="46" spans="2:7" s="4" customFormat="1" ht="30" customHeight="1" x14ac:dyDescent="0.25">
      <c r="B46" s="95" t="s">
        <v>60</v>
      </c>
      <c r="C46" s="78" t="s">
        <v>191</v>
      </c>
      <c r="D46" s="94"/>
      <c r="E46" s="103"/>
      <c r="F46" s="104"/>
    </row>
    <row r="47" spans="2:7" s="4" customFormat="1" ht="30" customHeight="1" x14ac:dyDescent="0.25">
      <c r="B47" s="95" t="s">
        <v>61</v>
      </c>
      <c r="C47" s="78" t="s">
        <v>192</v>
      </c>
      <c r="D47" s="94"/>
      <c r="E47" s="103"/>
      <c r="F47" s="104"/>
    </row>
    <row r="48" spans="2:7" s="4" customFormat="1" ht="30" customHeight="1" x14ac:dyDescent="0.25">
      <c r="B48" s="95" t="s">
        <v>68</v>
      </c>
      <c r="C48" s="78" t="s">
        <v>193</v>
      </c>
      <c r="D48" s="94"/>
      <c r="E48" s="103"/>
      <c r="F48" s="104"/>
    </row>
    <row r="49" spans="2:6" s="4" customFormat="1" ht="30" customHeight="1" x14ac:dyDescent="0.25">
      <c r="B49" s="95" t="s">
        <v>62</v>
      </c>
      <c r="C49" s="78" t="s">
        <v>194</v>
      </c>
      <c r="D49" s="94"/>
      <c r="E49" s="103"/>
      <c r="F49" s="104"/>
    </row>
    <row r="50" spans="2:6" s="4" customFormat="1" ht="30" customHeight="1" x14ac:dyDescent="0.25">
      <c r="B50" s="95" t="s">
        <v>63</v>
      </c>
      <c r="C50" s="78" t="s">
        <v>195</v>
      </c>
      <c r="D50" s="94"/>
      <c r="E50" s="103"/>
      <c r="F50" s="104"/>
    </row>
    <row r="51" spans="2:6" s="4" customFormat="1" ht="30" customHeight="1" x14ac:dyDescent="0.25">
      <c r="B51" s="95" t="s">
        <v>64</v>
      </c>
      <c r="C51" s="78" t="s">
        <v>196</v>
      </c>
      <c r="D51" s="94"/>
      <c r="E51" s="103"/>
      <c r="F51" s="104"/>
    </row>
    <row r="52" spans="2:6" s="4" customFormat="1" ht="30" customHeight="1" x14ac:dyDescent="0.25">
      <c r="B52" s="95" t="s">
        <v>65</v>
      </c>
      <c r="C52" s="78" t="s">
        <v>197</v>
      </c>
      <c r="D52" s="94"/>
      <c r="E52" s="103"/>
      <c r="F52" s="104"/>
    </row>
    <row r="53" spans="2:6" s="4" customFormat="1" ht="30" customHeight="1" x14ac:dyDescent="0.25">
      <c r="B53" s="95" t="s">
        <v>69</v>
      </c>
      <c r="C53" s="78" t="s">
        <v>198</v>
      </c>
      <c r="D53" s="94"/>
      <c r="E53" s="103"/>
      <c r="F53" s="104"/>
    </row>
    <row r="54" spans="2:6" s="4" customFormat="1" ht="42" customHeight="1" x14ac:dyDescent="0.25">
      <c r="B54" s="95" t="s">
        <v>78</v>
      </c>
      <c r="C54" s="78" t="s">
        <v>199</v>
      </c>
      <c r="D54" s="94"/>
      <c r="E54" s="103"/>
      <c r="F54" s="104"/>
    </row>
    <row r="55" spans="2:6" s="4" customFormat="1" ht="30" customHeight="1" x14ac:dyDescent="0.25">
      <c r="B55" s="95" t="s">
        <v>79</v>
      </c>
      <c r="C55" s="78" t="s">
        <v>200</v>
      </c>
      <c r="D55" s="94" t="s">
        <v>178</v>
      </c>
      <c r="E55" s="103" t="s">
        <v>178</v>
      </c>
      <c r="F55" s="104"/>
    </row>
    <row r="56" spans="2:6" s="4" customFormat="1" ht="30" customHeight="1" x14ac:dyDescent="0.25">
      <c r="B56" s="96" t="s">
        <v>172</v>
      </c>
      <c r="C56" s="78" t="s">
        <v>297</v>
      </c>
      <c r="D56" s="94"/>
      <c r="E56" s="103"/>
      <c r="F56" s="104"/>
    </row>
    <row r="57" spans="2:6" s="4" customFormat="1" ht="30" customHeight="1" x14ac:dyDescent="0.25">
      <c r="B57" s="96" t="s">
        <v>241</v>
      </c>
      <c r="C57" s="78" t="s">
        <v>296</v>
      </c>
      <c r="D57" s="94"/>
      <c r="E57" s="103"/>
      <c r="F57" s="104"/>
    </row>
    <row r="58" spans="2:6" s="4" customFormat="1" ht="30" customHeight="1" x14ac:dyDescent="0.25">
      <c r="B58" s="96" t="s">
        <v>242</v>
      </c>
      <c r="C58" s="78" t="s">
        <v>295</v>
      </c>
      <c r="D58" s="94"/>
      <c r="E58" s="103"/>
      <c r="F58" s="104"/>
    </row>
    <row r="59" spans="2:6" s="4" customFormat="1" ht="30" customHeight="1" x14ac:dyDescent="0.25">
      <c r="B59" s="96" t="s">
        <v>243</v>
      </c>
      <c r="C59" s="78" t="s">
        <v>294</v>
      </c>
      <c r="D59" s="94"/>
      <c r="E59" s="103"/>
      <c r="F59" s="104"/>
    </row>
    <row r="60" spans="2:6" s="4" customFormat="1" ht="56.25" customHeight="1" x14ac:dyDescent="0.25">
      <c r="B60" s="96" t="s">
        <v>244</v>
      </c>
      <c r="C60" s="78" t="s">
        <v>201</v>
      </c>
      <c r="D60" s="94"/>
      <c r="E60" s="103"/>
      <c r="F60" s="104"/>
    </row>
    <row r="61" spans="2:6" s="4" customFormat="1" ht="30" customHeight="1" x14ac:dyDescent="0.25">
      <c r="B61" s="95" t="s">
        <v>80</v>
      </c>
      <c r="C61" s="78" t="s">
        <v>202</v>
      </c>
      <c r="D61" s="94" t="s">
        <v>178</v>
      </c>
      <c r="E61" s="103" t="s">
        <v>178</v>
      </c>
      <c r="F61" s="104"/>
    </row>
    <row r="62" spans="2:6" s="4" customFormat="1" ht="30" customHeight="1" x14ac:dyDescent="0.25">
      <c r="B62" s="96" t="s">
        <v>173</v>
      </c>
      <c r="C62" s="78" t="s">
        <v>203</v>
      </c>
      <c r="D62" s="94"/>
      <c r="E62" s="103"/>
      <c r="F62" s="104"/>
    </row>
    <row r="63" spans="2:6" s="4" customFormat="1" ht="30" customHeight="1" x14ac:dyDescent="0.25">
      <c r="B63" s="96" t="s">
        <v>174</v>
      </c>
      <c r="C63" s="78" t="s">
        <v>204</v>
      </c>
      <c r="D63" s="94"/>
      <c r="E63" s="103"/>
      <c r="F63" s="104"/>
    </row>
    <row r="64" spans="2:6" s="4" customFormat="1" ht="30" customHeight="1" x14ac:dyDescent="0.25">
      <c r="B64" s="96" t="s">
        <v>175</v>
      </c>
      <c r="C64" s="78" t="s">
        <v>293</v>
      </c>
      <c r="D64" s="94"/>
      <c r="E64" s="103"/>
      <c r="F64" s="104"/>
    </row>
    <row r="65" spans="2:6" s="4" customFormat="1" ht="30" customHeight="1" x14ac:dyDescent="0.25">
      <c r="B65" s="96" t="s">
        <v>176</v>
      </c>
      <c r="C65" s="78" t="s">
        <v>292</v>
      </c>
      <c r="D65" s="94"/>
      <c r="E65" s="103"/>
      <c r="F65" s="104"/>
    </row>
    <row r="66" spans="2:6" s="4" customFormat="1" ht="30" customHeight="1" x14ac:dyDescent="0.25">
      <c r="B66" s="96" t="s">
        <v>177</v>
      </c>
      <c r="C66" s="78" t="s">
        <v>291</v>
      </c>
      <c r="D66" s="94"/>
      <c r="E66" s="103"/>
      <c r="F66" s="104"/>
    </row>
    <row r="67" spans="2:6" s="4" customFormat="1" ht="30" customHeight="1" x14ac:dyDescent="0.25">
      <c r="B67" s="96" t="s">
        <v>245</v>
      </c>
      <c r="C67" s="78" t="s">
        <v>290</v>
      </c>
      <c r="D67" s="94"/>
      <c r="E67" s="103"/>
      <c r="F67" s="104"/>
    </row>
    <row r="68" spans="2:6" s="4" customFormat="1" ht="30" customHeight="1" x14ac:dyDescent="0.25">
      <c r="B68" s="96" t="s">
        <v>246</v>
      </c>
      <c r="C68" s="78" t="s">
        <v>289</v>
      </c>
      <c r="D68" s="94"/>
      <c r="E68" s="103"/>
      <c r="F68" s="104"/>
    </row>
    <row r="69" spans="2:6" s="4" customFormat="1" ht="57.75" customHeight="1" x14ac:dyDescent="0.25">
      <c r="B69" s="96" t="s">
        <v>247</v>
      </c>
      <c r="C69" s="78" t="s">
        <v>205</v>
      </c>
      <c r="D69" s="94"/>
      <c r="E69" s="103"/>
      <c r="F69" s="104"/>
    </row>
    <row r="70" spans="2:6" s="4" customFormat="1" ht="30" customHeight="1" x14ac:dyDescent="0.25">
      <c r="B70" s="95" t="s">
        <v>81</v>
      </c>
      <c r="C70" s="78" t="s">
        <v>206</v>
      </c>
      <c r="D70" s="94"/>
      <c r="E70" s="103"/>
      <c r="F70" s="104"/>
    </row>
    <row r="71" spans="2:6" s="4" customFormat="1" ht="30" customHeight="1" x14ac:dyDescent="0.25">
      <c r="B71" s="95" t="s">
        <v>82</v>
      </c>
      <c r="C71" s="78" t="s">
        <v>207</v>
      </c>
      <c r="D71" s="94"/>
      <c r="E71" s="103"/>
      <c r="F71" s="104"/>
    </row>
    <row r="72" spans="2:6" s="4" customFormat="1" ht="30" customHeight="1" x14ac:dyDescent="0.25">
      <c r="B72" s="95" t="s">
        <v>83</v>
      </c>
      <c r="C72" s="78" t="s">
        <v>208</v>
      </c>
      <c r="D72" s="94"/>
      <c r="E72" s="103"/>
      <c r="F72" s="104"/>
    </row>
    <row r="73" spans="2:6" s="4" customFormat="1" ht="30" customHeight="1" x14ac:dyDescent="0.25">
      <c r="B73" s="95" t="s">
        <v>84</v>
      </c>
      <c r="C73" s="78" t="s">
        <v>209</v>
      </c>
      <c r="D73" s="94"/>
      <c r="E73" s="103"/>
      <c r="F73" s="104"/>
    </row>
    <row r="74" spans="2:6" s="4" customFormat="1" ht="30" customHeight="1" x14ac:dyDescent="0.25">
      <c r="B74" s="95" t="s">
        <v>85</v>
      </c>
      <c r="C74" s="78" t="s">
        <v>210</v>
      </c>
      <c r="D74" s="94" t="s">
        <v>178</v>
      </c>
      <c r="E74" s="103" t="s">
        <v>178</v>
      </c>
      <c r="F74" s="104"/>
    </row>
    <row r="75" spans="2:6" s="4" customFormat="1" ht="30" customHeight="1" x14ac:dyDescent="0.25">
      <c r="B75" s="96" t="s">
        <v>248</v>
      </c>
      <c r="C75" s="78" t="s">
        <v>211</v>
      </c>
      <c r="D75" s="94"/>
      <c r="E75" s="103"/>
      <c r="F75" s="104"/>
    </row>
    <row r="76" spans="2:6" s="4" customFormat="1" ht="30" customHeight="1" x14ac:dyDescent="0.25">
      <c r="B76" s="96" t="s">
        <v>249</v>
      </c>
      <c r="C76" s="78" t="s">
        <v>288</v>
      </c>
      <c r="D76" s="94"/>
      <c r="E76" s="103"/>
      <c r="F76" s="104"/>
    </row>
    <row r="77" spans="2:6" s="4" customFormat="1" ht="39" customHeight="1" x14ac:dyDescent="0.25">
      <c r="B77" s="96" t="s">
        <v>250</v>
      </c>
      <c r="C77" s="78" t="s">
        <v>212</v>
      </c>
      <c r="D77" s="94"/>
      <c r="E77" s="103"/>
      <c r="F77" s="104"/>
    </row>
    <row r="78" spans="2:6" s="4" customFormat="1" ht="69" customHeight="1" x14ac:dyDescent="0.25">
      <c r="B78" s="95" t="s">
        <v>86</v>
      </c>
      <c r="C78" s="78" t="s">
        <v>213</v>
      </c>
      <c r="D78" s="94"/>
      <c r="E78" s="103"/>
      <c r="F78" s="104"/>
    </row>
    <row r="79" spans="2:6" s="4" customFormat="1" ht="30" customHeight="1" x14ac:dyDescent="0.25">
      <c r="B79" s="95" t="s">
        <v>97</v>
      </c>
      <c r="C79" s="78" t="s">
        <v>214</v>
      </c>
      <c r="D79" s="94" t="s">
        <v>178</v>
      </c>
      <c r="E79" s="103" t="s">
        <v>178</v>
      </c>
      <c r="F79" s="104"/>
    </row>
    <row r="80" spans="2:6" s="4" customFormat="1" ht="30" customHeight="1" x14ac:dyDescent="0.25">
      <c r="B80" s="96" t="s">
        <v>251</v>
      </c>
      <c r="C80" s="78" t="s">
        <v>287</v>
      </c>
      <c r="D80" s="94"/>
      <c r="E80" s="103"/>
      <c r="F80" s="104"/>
    </row>
    <row r="81" spans="2:6" s="4" customFormat="1" ht="30" customHeight="1" x14ac:dyDescent="0.25">
      <c r="B81" s="96" t="s">
        <v>252</v>
      </c>
      <c r="C81" s="78" t="s">
        <v>286</v>
      </c>
      <c r="D81" s="94"/>
      <c r="E81" s="103"/>
      <c r="F81" s="104"/>
    </row>
    <row r="82" spans="2:6" s="4" customFormat="1" ht="30" customHeight="1" x14ac:dyDescent="0.25">
      <c r="B82" s="96" t="s">
        <v>253</v>
      </c>
      <c r="C82" s="78" t="s">
        <v>215</v>
      </c>
      <c r="D82" s="94"/>
      <c r="E82" s="103"/>
      <c r="F82" s="104"/>
    </row>
    <row r="83" spans="2:6" s="4" customFormat="1" ht="30" customHeight="1" x14ac:dyDescent="0.25">
      <c r="B83" s="95" t="s">
        <v>98</v>
      </c>
      <c r="C83" s="78" t="s">
        <v>216</v>
      </c>
      <c r="D83" s="94" t="s">
        <v>178</v>
      </c>
      <c r="E83" s="103" t="s">
        <v>178</v>
      </c>
      <c r="F83" s="104"/>
    </row>
    <row r="84" spans="2:6" s="4" customFormat="1" ht="30" customHeight="1" x14ac:dyDescent="0.25">
      <c r="B84" s="96" t="s">
        <v>254</v>
      </c>
      <c r="C84" s="78" t="s">
        <v>285</v>
      </c>
      <c r="D84" s="94"/>
      <c r="E84" s="103"/>
      <c r="F84" s="104"/>
    </row>
    <row r="85" spans="2:6" s="4" customFormat="1" ht="30" customHeight="1" x14ac:dyDescent="0.25">
      <c r="B85" s="96" t="s">
        <v>255</v>
      </c>
      <c r="C85" s="78" t="s">
        <v>284</v>
      </c>
      <c r="D85" s="94"/>
      <c r="E85" s="103"/>
      <c r="F85" s="104"/>
    </row>
    <row r="86" spans="2:6" s="4" customFormat="1" ht="30" customHeight="1" x14ac:dyDescent="0.25">
      <c r="B86" s="95" t="s">
        <v>99</v>
      </c>
      <c r="C86" s="78" t="s">
        <v>217</v>
      </c>
      <c r="D86" s="94"/>
      <c r="E86" s="103"/>
      <c r="F86" s="104"/>
    </row>
    <row r="87" spans="2:6" s="4" customFormat="1" ht="30" customHeight="1" x14ac:dyDescent="0.25">
      <c r="B87" s="96" t="s">
        <v>256</v>
      </c>
      <c r="C87" s="78" t="s">
        <v>279</v>
      </c>
      <c r="D87" s="94"/>
      <c r="E87" s="103"/>
      <c r="F87" s="104"/>
    </row>
    <row r="88" spans="2:6" s="4" customFormat="1" ht="30" customHeight="1" x14ac:dyDescent="0.25">
      <c r="B88" s="96" t="s">
        <v>257</v>
      </c>
      <c r="C88" s="78" t="s">
        <v>280</v>
      </c>
      <c r="D88" s="94"/>
      <c r="E88" s="103"/>
      <c r="F88" s="104"/>
    </row>
    <row r="89" spans="2:6" s="4" customFormat="1" ht="30" customHeight="1" x14ac:dyDescent="0.25">
      <c r="B89" s="96" t="s">
        <v>258</v>
      </c>
      <c r="C89" s="78" t="s">
        <v>281</v>
      </c>
      <c r="D89" s="94"/>
      <c r="E89" s="103"/>
      <c r="F89" s="104"/>
    </row>
    <row r="90" spans="2:6" s="4" customFormat="1" ht="30" customHeight="1" x14ac:dyDescent="0.25">
      <c r="B90" s="96" t="s">
        <v>259</v>
      </c>
      <c r="C90" s="78" t="s">
        <v>282</v>
      </c>
      <c r="D90" s="94"/>
      <c r="E90" s="103"/>
      <c r="F90" s="104"/>
    </row>
    <row r="91" spans="2:6" s="4" customFormat="1" ht="30" customHeight="1" x14ac:dyDescent="0.25">
      <c r="B91" s="96" t="s">
        <v>260</v>
      </c>
      <c r="C91" s="78" t="s">
        <v>283</v>
      </c>
      <c r="D91" s="94"/>
      <c r="E91" s="103"/>
      <c r="F91" s="104"/>
    </row>
    <row r="92" spans="2:6" s="4" customFormat="1" ht="30" customHeight="1" x14ac:dyDescent="0.25">
      <c r="B92" s="95" t="s">
        <v>100</v>
      </c>
      <c r="C92" s="78" t="s">
        <v>218</v>
      </c>
      <c r="D92" s="94"/>
      <c r="E92" s="103"/>
      <c r="F92" s="104"/>
    </row>
    <row r="93" spans="2:6" s="4" customFormat="1" ht="30" customHeight="1" x14ac:dyDescent="0.25">
      <c r="B93" s="95" t="s">
        <v>101</v>
      </c>
      <c r="C93" s="78" t="s">
        <v>219</v>
      </c>
      <c r="D93" s="94"/>
      <c r="E93" s="103"/>
      <c r="F93" s="104"/>
    </row>
    <row r="94" spans="2:6" s="4" customFormat="1" ht="30" customHeight="1" x14ac:dyDescent="0.25">
      <c r="B94" s="95" t="s">
        <v>102</v>
      </c>
      <c r="C94" s="78" t="s">
        <v>220</v>
      </c>
      <c r="D94" s="94"/>
      <c r="E94" s="103"/>
      <c r="F94" s="104"/>
    </row>
    <row r="95" spans="2:6" s="4" customFormat="1" ht="30" customHeight="1" x14ac:dyDescent="0.25">
      <c r="B95" s="95" t="s">
        <v>103</v>
      </c>
      <c r="C95" s="78" t="s">
        <v>221</v>
      </c>
      <c r="D95" s="94"/>
      <c r="E95" s="103"/>
      <c r="F95" s="104"/>
    </row>
    <row r="96" spans="2:6" s="4" customFormat="1" ht="30" customHeight="1" x14ac:dyDescent="0.25">
      <c r="B96" s="95" t="s">
        <v>104</v>
      </c>
      <c r="C96" s="78" t="s">
        <v>222</v>
      </c>
      <c r="D96" s="94"/>
      <c r="E96" s="103"/>
      <c r="F96" s="104"/>
    </row>
    <row r="97" spans="2:6" s="4" customFormat="1" ht="30" customHeight="1" x14ac:dyDescent="0.25">
      <c r="B97" s="96" t="s">
        <v>261</v>
      </c>
      <c r="C97" s="78" t="s">
        <v>298</v>
      </c>
      <c r="D97" s="94"/>
      <c r="E97" s="103"/>
      <c r="F97" s="104"/>
    </row>
    <row r="98" spans="2:6" s="4" customFormat="1" ht="30" customHeight="1" x14ac:dyDescent="0.25">
      <c r="B98" s="96" t="s">
        <v>262</v>
      </c>
      <c r="C98" s="78" t="s">
        <v>299</v>
      </c>
      <c r="D98" s="94"/>
      <c r="E98" s="103"/>
      <c r="F98" s="104"/>
    </row>
    <row r="99" spans="2:6" s="4" customFormat="1" ht="30" customHeight="1" x14ac:dyDescent="0.25">
      <c r="B99" s="95" t="s">
        <v>105</v>
      </c>
      <c r="C99" s="78" t="s">
        <v>223</v>
      </c>
      <c r="D99" s="94" t="s">
        <v>178</v>
      </c>
      <c r="E99" s="103" t="s">
        <v>178</v>
      </c>
      <c r="F99" s="104"/>
    </row>
    <row r="100" spans="2:6" s="4" customFormat="1" ht="30" customHeight="1" x14ac:dyDescent="0.25">
      <c r="B100" s="96" t="s">
        <v>263</v>
      </c>
      <c r="C100" s="78" t="s">
        <v>224</v>
      </c>
      <c r="D100" s="94"/>
      <c r="E100" s="103"/>
      <c r="F100" s="104"/>
    </row>
    <row r="101" spans="2:6" s="4" customFormat="1" ht="30" customHeight="1" x14ac:dyDescent="0.25">
      <c r="B101" s="96" t="s">
        <v>264</v>
      </c>
      <c r="C101" s="78" t="s">
        <v>225</v>
      </c>
      <c r="D101" s="94"/>
      <c r="E101" s="103"/>
      <c r="F101" s="104"/>
    </row>
    <row r="102" spans="2:6" s="4" customFormat="1" ht="30" customHeight="1" x14ac:dyDescent="0.25">
      <c r="B102" s="95" t="s">
        <v>106</v>
      </c>
      <c r="C102" s="78" t="s">
        <v>226</v>
      </c>
      <c r="D102" s="94" t="s">
        <v>178</v>
      </c>
      <c r="E102" s="103" t="s">
        <v>178</v>
      </c>
      <c r="F102" s="104"/>
    </row>
    <row r="103" spans="2:6" s="4" customFormat="1" ht="30" customHeight="1" x14ac:dyDescent="0.25">
      <c r="B103" s="96" t="s">
        <v>265</v>
      </c>
      <c r="C103" s="78" t="s">
        <v>227</v>
      </c>
      <c r="D103" s="94"/>
      <c r="E103" s="103"/>
      <c r="F103" s="104"/>
    </row>
    <row r="104" spans="2:6" s="4" customFormat="1" ht="30" customHeight="1" x14ac:dyDescent="0.25">
      <c r="B104" s="96" t="s">
        <v>266</v>
      </c>
      <c r="C104" s="78" t="s">
        <v>228</v>
      </c>
      <c r="D104" s="94"/>
      <c r="E104" s="103"/>
      <c r="F104" s="104"/>
    </row>
    <row r="105" spans="2:6" s="4" customFormat="1" ht="30" customHeight="1" x14ac:dyDescent="0.25">
      <c r="B105" s="96" t="s">
        <v>267</v>
      </c>
      <c r="C105" s="78" t="s">
        <v>229</v>
      </c>
      <c r="D105" s="94"/>
      <c r="E105" s="103"/>
      <c r="F105" s="104"/>
    </row>
    <row r="106" spans="2:6" s="4" customFormat="1" ht="30" customHeight="1" x14ac:dyDescent="0.25">
      <c r="B106" s="96" t="s">
        <v>268</v>
      </c>
      <c r="C106" s="78" t="s">
        <v>230</v>
      </c>
      <c r="D106" s="94"/>
      <c r="E106" s="103"/>
      <c r="F106" s="104"/>
    </row>
    <row r="107" spans="2:6" s="4" customFormat="1" ht="30" customHeight="1" x14ac:dyDescent="0.25">
      <c r="B107" s="96" t="s">
        <v>269</v>
      </c>
      <c r="C107" s="78" t="s">
        <v>231</v>
      </c>
      <c r="D107" s="94"/>
      <c r="E107" s="103"/>
      <c r="F107" s="104"/>
    </row>
    <row r="108" spans="2:6" s="4" customFormat="1" ht="30" customHeight="1" x14ac:dyDescent="0.25">
      <c r="B108" s="96" t="s">
        <v>270</v>
      </c>
      <c r="C108" s="78" t="s">
        <v>232</v>
      </c>
      <c r="D108" s="94"/>
      <c r="E108" s="103"/>
      <c r="F108" s="104"/>
    </row>
    <row r="109" spans="2:6" s="4" customFormat="1" ht="30" customHeight="1" x14ac:dyDescent="0.25">
      <c r="B109" s="96" t="s">
        <v>271</v>
      </c>
      <c r="C109" s="78" t="s">
        <v>233</v>
      </c>
      <c r="D109" s="94"/>
      <c r="E109" s="103"/>
      <c r="F109" s="104"/>
    </row>
    <row r="110" spans="2:6" s="4" customFormat="1" ht="30" customHeight="1" x14ac:dyDescent="0.25">
      <c r="B110" s="96" t="s">
        <v>272</v>
      </c>
      <c r="C110" s="78" t="s">
        <v>234</v>
      </c>
      <c r="D110" s="94"/>
      <c r="E110" s="103"/>
      <c r="F110" s="104"/>
    </row>
    <row r="111" spans="2:6" s="4" customFormat="1" ht="30" customHeight="1" x14ac:dyDescent="0.25">
      <c r="B111" s="95" t="s">
        <v>107</v>
      </c>
      <c r="C111" s="78" t="s">
        <v>235</v>
      </c>
      <c r="D111" s="94" t="s">
        <v>178</v>
      </c>
      <c r="E111" s="103" t="s">
        <v>178</v>
      </c>
      <c r="F111" s="104"/>
    </row>
    <row r="112" spans="2:6" s="4" customFormat="1" ht="53.25" customHeight="1" x14ac:dyDescent="0.25">
      <c r="B112" s="96" t="s">
        <v>169</v>
      </c>
      <c r="C112" s="78" t="s">
        <v>236</v>
      </c>
      <c r="D112" s="94"/>
      <c r="E112" s="103"/>
      <c r="F112" s="104"/>
    </row>
    <row r="113" spans="2:6" s="4" customFormat="1" ht="30" customHeight="1" x14ac:dyDescent="0.25">
      <c r="B113" s="96" t="s">
        <v>170</v>
      </c>
      <c r="C113" s="78" t="s">
        <v>237</v>
      </c>
      <c r="D113" s="94"/>
      <c r="E113" s="103"/>
      <c r="F113" s="104"/>
    </row>
    <row r="114" spans="2:6" s="4" customFormat="1" ht="30" customHeight="1" x14ac:dyDescent="0.25">
      <c r="B114" s="96" t="s">
        <v>273</v>
      </c>
      <c r="C114" s="78" t="s">
        <v>238</v>
      </c>
      <c r="D114" s="94"/>
      <c r="E114" s="103"/>
      <c r="F114" s="104"/>
    </row>
    <row r="115" spans="2:6" s="4" customFormat="1" ht="30" customHeight="1" x14ac:dyDescent="0.25">
      <c r="B115" s="96" t="s">
        <v>274</v>
      </c>
      <c r="C115" s="78" t="s">
        <v>230</v>
      </c>
      <c r="D115" s="94"/>
      <c r="E115" s="103"/>
      <c r="F115" s="104"/>
    </row>
    <row r="116" spans="2:6" s="4" customFormat="1" ht="30" customHeight="1" x14ac:dyDescent="0.25">
      <c r="B116" s="96" t="s">
        <v>275</v>
      </c>
      <c r="C116" s="78" t="s">
        <v>231</v>
      </c>
      <c r="D116" s="94"/>
      <c r="E116" s="103"/>
      <c r="F116" s="104"/>
    </row>
    <row r="117" spans="2:6" s="4" customFormat="1" ht="30" customHeight="1" x14ac:dyDescent="0.25">
      <c r="B117" s="96" t="s">
        <v>276</v>
      </c>
      <c r="C117" s="78" t="s">
        <v>232</v>
      </c>
      <c r="D117" s="94"/>
      <c r="E117" s="103"/>
      <c r="F117" s="104"/>
    </row>
    <row r="118" spans="2:6" s="4" customFormat="1" ht="30" customHeight="1" x14ac:dyDescent="0.25">
      <c r="B118" s="96" t="s">
        <v>277</v>
      </c>
      <c r="C118" s="78" t="s">
        <v>233</v>
      </c>
      <c r="D118" s="94"/>
      <c r="E118" s="103"/>
      <c r="F118" s="104"/>
    </row>
    <row r="119" spans="2:6" s="4" customFormat="1" ht="30" customHeight="1" x14ac:dyDescent="0.25">
      <c r="B119" s="96" t="s">
        <v>278</v>
      </c>
      <c r="C119" s="78" t="s">
        <v>234</v>
      </c>
      <c r="D119" s="94"/>
      <c r="E119" s="103"/>
      <c r="F119" s="104"/>
    </row>
    <row r="120" spans="2:6" s="4" customFormat="1" ht="30" customHeight="1" x14ac:dyDescent="0.25">
      <c r="B120" s="95" t="s">
        <v>108</v>
      </c>
      <c r="C120" s="78" t="s">
        <v>239</v>
      </c>
      <c r="D120" s="94"/>
      <c r="E120" s="103"/>
      <c r="F120" s="104"/>
    </row>
    <row r="121" spans="2:6" s="4" customFormat="1" ht="30" customHeight="1" thickBot="1" x14ac:dyDescent="0.3">
      <c r="B121" s="97" t="s">
        <v>109</v>
      </c>
      <c r="C121" s="98" t="s">
        <v>240</v>
      </c>
      <c r="D121" s="64"/>
      <c r="E121" s="101"/>
      <c r="F121" s="102"/>
    </row>
    <row r="122" spans="2:6" s="25" customFormat="1" ht="30.75" customHeight="1" x14ac:dyDescent="0.25">
      <c r="B122" s="142" t="s">
        <v>76</v>
      </c>
      <c r="C122" s="143"/>
      <c r="D122" s="143"/>
      <c r="E122" s="143"/>
      <c r="F122" s="144"/>
    </row>
    <row r="123" spans="2:6" s="63" customFormat="1" ht="30.75" customHeight="1" x14ac:dyDescent="0.25">
      <c r="B123" s="58" t="s">
        <v>16</v>
      </c>
      <c r="C123" s="57" t="s">
        <v>338</v>
      </c>
      <c r="D123" s="62"/>
      <c r="E123" s="110"/>
      <c r="F123" s="111"/>
    </row>
    <row r="124" spans="2:6" s="63" customFormat="1" ht="30.75" customHeight="1" x14ac:dyDescent="0.25">
      <c r="B124" s="58" t="s">
        <v>57</v>
      </c>
      <c r="C124" s="57" t="s">
        <v>339</v>
      </c>
      <c r="D124" s="62"/>
      <c r="E124" s="110"/>
      <c r="F124" s="111"/>
    </row>
    <row r="125" spans="2:6" s="63" customFormat="1" ht="30.75" customHeight="1" x14ac:dyDescent="0.25">
      <c r="B125" s="58" t="s">
        <v>58</v>
      </c>
      <c r="C125" s="57" t="s">
        <v>340</v>
      </c>
      <c r="D125" s="62"/>
      <c r="E125" s="110"/>
      <c r="F125" s="111"/>
    </row>
    <row r="126" spans="2:6" s="63" customFormat="1" ht="30.75" customHeight="1" x14ac:dyDescent="0.25">
      <c r="B126" s="58" t="s">
        <v>59</v>
      </c>
      <c r="C126" s="57" t="s">
        <v>341</v>
      </c>
      <c r="D126" s="62"/>
      <c r="E126" s="110"/>
      <c r="F126" s="111"/>
    </row>
    <row r="127" spans="2:6" s="63" customFormat="1" ht="30.75" customHeight="1" x14ac:dyDescent="0.25">
      <c r="B127" s="58" t="s">
        <v>60</v>
      </c>
      <c r="C127" s="57" t="s">
        <v>342</v>
      </c>
      <c r="D127" s="62"/>
      <c r="E127" s="110"/>
      <c r="F127" s="111"/>
    </row>
    <row r="128" spans="2:6" s="63" customFormat="1" ht="30.75" customHeight="1" x14ac:dyDescent="0.25">
      <c r="B128" s="58" t="s">
        <v>61</v>
      </c>
      <c r="C128" s="57" t="s">
        <v>343</v>
      </c>
      <c r="D128" s="62"/>
      <c r="E128" s="110"/>
      <c r="F128" s="111"/>
    </row>
    <row r="129" spans="2:7" s="63" customFormat="1" ht="30.75" customHeight="1" x14ac:dyDescent="0.25">
      <c r="B129" s="58" t="s">
        <v>68</v>
      </c>
      <c r="C129" s="57" t="s">
        <v>155</v>
      </c>
      <c r="D129" s="62"/>
      <c r="E129" s="110"/>
      <c r="F129" s="111"/>
    </row>
    <row r="130" spans="2:7" s="63" customFormat="1" ht="30.75" customHeight="1" x14ac:dyDescent="0.25">
      <c r="B130" s="58" t="s">
        <v>62</v>
      </c>
      <c r="C130" s="57" t="s">
        <v>344</v>
      </c>
      <c r="D130" s="62"/>
      <c r="E130" s="110"/>
      <c r="F130" s="111"/>
    </row>
    <row r="131" spans="2:7" s="63" customFormat="1" ht="30.75" customHeight="1" x14ac:dyDescent="0.25">
      <c r="B131" s="58" t="s">
        <v>63</v>
      </c>
      <c r="C131" s="57" t="s">
        <v>345</v>
      </c>
      <c r="D131" s="62"/>
      <c r="E131" s="110"/>
      <c r="F131" s="111"/>
    </row>
    <row r="132" spans="2:7" s="63" customFormat="1" ht="30.75" customHeight="1" x14ac:dyDescent="0.25">
      <c r="B132" s="58" t="s">
        <v>64</v>
      </c>
      <c r="C132" s="57" t="s">
        <v>346</v>
      </c>
      <c r="D132" s="62"/>
      <c r="E132" s="110"/>
      <c r="F132" s="111"/>
    </row>
    <row r="133" spans="2:7" s="63" customFormat="1" ht="30.75" customHeight="1" thickBot="1" x14ac:dyDescent="0.3">
      <c r="B133" s="59" t="s">
        <v>65</v>
      </c>
      <c r="C133" s="60" t="s">
        <v>347</v>
      </c>
      <c r="D133" s="64"/>
      <c r="E133" s="112"/>
      <c r="F133" s="113"/>
    </row>
    <row r="134" spans="2:7" s="3" customFormat="1" ht="5.0999999999999996" customHeight="1" x14ac:dyDescent="0.25">
      <c r="B134" s="5"/>
      <c r="C134" s="5"/>
      <c r="D134" s="7"/>
      <c r="E134" s="7"/>
      <c r="F134" s="26"/>
    </row>
    <row r="135" spans="2:7" s="2" customFormat="1" ht="20.100000000000001" customHeight="1" x14ac:dyDescent="0.25">
      <c r="B135" s="124" t="s">
        <v>47</v>
      </c>
      <c r="C135" s="124"/>
      <c r="D135" s="124"/>
      <c r="E135" s="124"/>
      <c r="F135" s="124"/>
    </row>
    <row r="136" spans="2:7" s="2" customFormat="1" ht="5.0999999999999996" customHeight="1" thickBot="1" x14ac:dyDescent="0.3">
      <c r="B136" s="15"/>
      <c r="D136" s="6"/>
      <c r="E136" s="6"/>
      <c r="F136" s="6"/>
    </row>
    <row r="137" spans="2:7" s="3" customFormat="1" ht="69" customHeight="1" x14ac:dyDescent="0.25">
      <c r="B137" s="125" t="s">
        <v>8</v>
      </c>
      <c r="C137" s="126"/>
      <c r="D137" s="129" t="s">
        <v>31</v>
      </c>
      <c r="E137" s="130"/>
      <c r="F137" s="131"/>
    </row>
    <row r="138" spans="2:7" s="3" customFormat="1" ht="30" customHeight="1" thickBot="1" x14ac:dyDescent="0.3">
      <c r="B138" s="127"/>
      <c r="C138" s="128"/>
      <c r="D138" s="24" t="s">
        <v>7</v>
      </c>
      <c r="E138" s="162" t="s">
        <v>32</v>
      </c>
      <c r="F138" s="163"/>
    </row>
    <row r="139" spans="2:7" s="3" customFormat="1" ht="30" customHeight="1" x14ac:dyDescent="0.25">
      <c r="B139" s="107" t="s">
        <v>74</v>
      </c>
      <c r="C139" s="108"/>
      <c r="D139" s="108"/>
      <c r="E139" s="108"/>
      <c r="F139" s="109"/>
    </row>
    <row r="140" spans="2:7" s="2" customFormat="1" ht="30" customHeight="1" x14ac:dyDescent="0.25">
      <c r="B140" s="79" t="s">
        <v>16</v>
      </c>
      <c r="C140" s="80" t="s">
        <v>156</v>
      </c>
      <c r="D140" s="81"/>
      <c r="E140" s="118"/>
      <c r="F140" s="119"/>
    </row>
    <row r="141" spans="2:7" s="2" customFormat="1" ht="29.25" customHeight="1" x14ac:dyDescent="0.25">
      <c r="B141" s="86" t="s">
        <v>57</v>
      </c>
      <c r="C141" s="71" t="s">
        <v>335</v>
      </c>
      <c r="D141" s="82"/>
      <c r="E141" s="114"/>
      <c r="F141" s="115"/>
    </row>
    <row r="142" spans="2:7" s="2" customFormat="1" ht="72.75" customHeight="1" x14ac:dyDescent="0.25">
      <c r="B142" s="68" t="s">
        <v>87</v>
      </c>
      <c r="C142" s="72" t="s">
        <v>334</v>
      </c>
      <c r="D142" s="83"/>
      <c r="E142" s="116"/>
      <c r="F142" s="117"/>
      <c r="G142" s="28"/>
    </row>
    <row r="143" spans="2:7" s="2" customFormat="1" ht="29.25" customHeight="1" x14ac:dyDescent="0.25">
      <c r="B143" s="68" t="s">
        <v>88</v>
      </c>
      <c r="C143" s="72" t="s">
        <v>121</v>
      </c>
      <c r="D143" s="83"/>
      <c r="E143" s="116"/>
      <c r="F143" s="117"/>
    </row>
    <row r="144" spans="2:7" s="2" customFormat="1" ht="27" customHeight="1" x14ac:dyDescent="0.25">
      <c r="B144" s="68" t="s">
        <v>89</v>
      </c>
      <c r="C144" s="72" t="s">
        <v>157</v>
      </c>
      <c r="D144" s="83"/>
      <c r="E144" s="116"/>
      <c r="F144" s="117"/>
    </row>
    <row r="145" spans="2:6" s="2" customFormat="1" ht="60.75" customHeight="1" x14ac:dyDescent="0.25">
      <c r="B145" s="68" t="s">
        <v>90</v>
      </c>
      <c r="C145" s="72" t="s">
        <v>131</v>
      </c>
      <c r="D145" s="83"/>
      <c r="E145" s="116"/>
      <c r="F145" s="117"/>
    </row>
    <row r="146" spans="2:6" s="2" customFormat="1" ht="45" customHeight="1" x14ac:dyDescent="0.25">
      <c r="B146" s="68" t="s">
        <v>91</v>
      </c>
      <c r="C146" s="72" t="s">
        <v>300</v>
      </c>
      <c r="D146" s="83"/>
      <c r="E146" s="116"/>
      <c r="F146" s="117"/>
    </row>
    <row r="147" spans="2:6" s="2" customFormat="1" ht="131.25" customHeight="1" x14ac:dyDescent="0.25">
      <c r="B147" s="69" t="s">
        <v>92</v>
      </c>
      <c r="C147" s="73" t="s">
        <v>132</v>
      </c>
      <c r="D147" s="85"/>
      <c r="E147" s="120"/>
      <c r="F147" s="121"/>
    </row>
    <row r="148" spans="2:6" s="2" customFormat="1" ht="58.15" customHeight="1" x14ac:dyDescent="0.25">
      <c r="B148" s="66" t="s">
        <v>58</v>
      </c>
      <c r="C148" s="74" t="s">
        <v>314</v>
      </c>
      <c r="D148" s="49"/>
      <c r="E148" s="105"/>
      <c r="F148" s="106"/>
    </row>
    <row r="149" spans="2:6" s="2" customFormat="1" ht="99.6" customHeight="1" x14ac:dyDescent="0.25">
      <c r="B149" s="65" t="s">
        <v>59</v>
      </c>
      <c r="C149" s="70" t="s">
        <v>313</v>
      </c>
      <c r="D149" s="49"/>
      <c r="E149" s="105"/>
      <c r="F149" s="106"/>
    </row>
    <row r="150" spans="2:6" s="2" customFormat="1" ht="75" customHeight="1" x14ac:dyDescent="0.25">
      <c r="B150" s="66" t="s">
        <v>60</v>
      </c>
      <c r="C150" s="70" t="s">
        <v>133</v>
      </c>
      <c r="D150" s="49"/>
      <c r="E150" s="105"/>
      <c r="F150" s="106"/>
    </row>
    <row r="151" spans="2:6" s="2" customFormat="1" ht="88.9" customHeight="1" x14ac:dyDescent="0.25">
      <c r="B151" s="66" t="s">
        <v>61</v>
      </c>
      <c r="C151" s="70" t="s">
        <v>312</v>
      </c>
      <c r="D151" s="49"/>
      <c r="E151" s="105"/>
      <c r="F151" s="106"/>
    </row>
    <row r="152" spans="2:6" s="2" customFormat="1" ht="102.6" customHeight="1" x14ac:dyDescent="0.25">
      <c r="B152" s="65" t="s">
        <v>68</v>
      </c>
      <c r="C152" s="70" t="s">
        <v>311</v>
      </c>
      <c r="D152" s="49"/>
      <c r="E152" s="105"/>
      <c r="F152" s="106"/>
    </row>
    <row r="153" spans="2:6" s="2" customFormat="1" ht="99.6" customHeight="1" x14ac:dyDescent="0.25">
      <c r="B153" s="67" t="s">
        <v>62</v>
      </c>
      <c r="C153" s="87" t="s">
        <v>134</v>
      </c>
      <c r="D153" s="82"/>
      <c r="E153" s="114"/>
      <c r="F153" s="115"/>
    </row>
    <row r="154" spans="2:6" s="2" customFormat="1" ht="34.9" customHeight="1" x14ac:dyDescent="0.25">
      <c r="B154" s="75" t="s">
        <v>318</v>
      </c>
      <c r="C154" s="88" t="s">
        <v>310</v>
      </c>
      <c r="D154" s="83"/>
      <c r="E154" s="116"/>
      <c r="F154" s="117"/>
    </row>
    <row r="155" spans="2:6" s="2" customFormat="1" ht="46.9" customHeight="1" x14ac:dyDescent="0.25">
      <c r="B155" s="75" t="s">
        <v>319</v>
      </c>
      <c r="C155" s="88" t="s">
        <v>135</v>
      </c>
      <c r="D155" s="83"/>
      <c r="E155" s="116"/>
      <c r="F155" s="117"/>
    </row>
    <row r="156" spans="2:6" s="2" customFormat="1" ht="60" customHeight="1" x14ac:dyDescent="0.25">
      <c r="B156" s="75" t="s">
        <v>320</v>
      </c>
      <c r="C156" s="88" t="s">
        <v>309</v>
      </c>
      <c r="D156" s="83"/>
      <c r="E156" s="116"/>
      <c r="F156" s="117"/>
    </row>
    <row r="157" spans="2:6" s="2" customFormat="1" ht="48" customHeight="1" x14ac:dyDescent="0.25">
      <c r="B157" s="75" t="s">
        <v>321</v>
      </c>
      <c r="C157" s="88" t="s">
        <v>122</v>
      </c>
      <c r="D157" s="83"/>
      <c r="E157" s="116"/>
      <c r="F157" s="117"/>
    </row>
    <row r="158" spans="2:6" s="2" customFormat="1" ht="32.450000000000003" customHeight="1" x14ac:dyDescent="0.25">
      <c r="B158" s="75" t="s">
        <v>322</v>
      </c>
      <c r="C158" s="88" t="s">
        <v>136</v>
      </c>
      <c r="D158" s="83"/>
      <c r="E158" s="116"/>
      <c r="F158" s="117"/>
    </row>
    <row r="159" spans="2:6" s="2" customFormat="1" ht="63" customHeight="1" x14ac:dyDescent="0.25">
      <c r="B159" s="75" t="s">
        <v>323</v>
      </c>
      <c r="C159" s="88" t="s">
        <v>308</v>
      </c>
      <c r="D159" s="83"/>
      <c r="E159" s="116"/>
      <c r="F159" s="117"/>
    </row>
    <row r="160" spans="2:6" s="2" customFormat="1" ht="35.450000000000003" customHeight="1" x14ac:dyDescent="0.25">
      <c r="B160" s="75" t="s">
        <v>324</v>
      </c>
      <c r="C160" s="88" t="s">
        <v>123</v>
      </c>
      <c r="D160" s="83"/>
      <c r="E160" s="116"/>
      <c r="F160" s="117"/>
    </row>
    <row r="161" spans="2:6" s="2" customFormat="1" ht="37.9" customHeight="1" x14ac:dyDescent="0.25">
      <c r="B161" s="75" t="s">
        <v>325</v>
      </c>
      <c r="C161" s="88" t="s">
        <v>137</v>
      </c>
      <c r="D161" s="83"/>
      <c r="E161" s="116"/>
      <c r="F161" s="117"/>
    </row>
    <row r="162" spans="2:6" s="2" customFormat="1" ht="43.9" customHeight="1" x14ac:dyDescent="0.25">
      <c r="B162" s="75" t="s">
        <v>326</v>
      </c>
      <c r="C162" s="88" t="s">
        <v>124</v>
      </c>
      <c r="D162" s="83"/>
      <c r="E162" s="116"/>
      <c r="F162" s="117"/>
    </row>
    <row r="163" spans="2:6" s="2" customFormat="1" ht="64.150000000000006" customHeight="1" x14ac:dyDescent="0.25">
      <c r="B163" s="84" t="s">
        <v>327</v>
      </c>
      <c r="C163" s="89" t="s">
        <v>138</v>
      </c>
      <c r="D163" s="85"/>
      <c r="E163" s="120"/>
      <c r="F163" s="121"/>
    </row>
    <row r="164" spans="2:6" s="2" customFormat="1" ht="61.5" customHeight="1" x14ac:dyDescent="0.25">
      <c r="B164" s="86" t="s">
        <v>63</v>
      </c>
      <c r="C164" s="71" t="s">
        <v>306</v>
      </c>
      <c r="D164" s="82"/>
      <c r="E164" s="114"/>
      <c r="F164" s="115"/>
    </row>
    <row r="165" spans="2:6" s="2" customFormat="1" ht="87" customHeight="1" x14ac:dyDescent="0.25">
      <c r="B165" s="69" t="s">
        <v>93</v>
      </c>
      <c r="C165" s="73" t="s">
        <v>307</v>
      </c>
      <c r="D165" s="85"/>
      <c r="E165" s="120"/>
      <c r="F165" s="121"/>
    </row>
    <row r="166" spans="2:6" s="2" customFormat="1" ht="36.6" customHeight="1" x14ac:dyDescent="0.25">
      <c r="B166" s="67" t="s">
        <v>64</v>
      </c>
      <c r="C166" s="71" t="s">
        <v>125</v>
      </c>
      <c r="D166" s="82"/>
      <c r="E166" s="114"/>
      <c r="F166" s="115"/>
    </row>
    <row r="167" spans="2:6" s="2" customFormat="1" ht="36" customHeight="1" x14ac:dyDescent="0.25">
      <c r="B167" s="75" t="s">
        <v>94</v>
      </c>
      <c r="C167" s="72" t="s">
        <v>158</v>
      </c>
      <c r="D167" s="83"/>
      <c r="E167" s="116"/>
      <c r="F167" s="117"/>
    </row>
    <row r="168" spans="2:6" s="2" customFormat="1" ht="55.5" customHeight="1" x14ac:dyDescent="0.25">
      <c r="B168" s="84" t="s">
        <v>328</v>
      </c>
      <c r="C168" s="73" t="s">
        <v>336</v>
      </c>
      <c r="D168" s="85"/>
      <c r="E168" s="120"/>
      <c r="F168" s="121"/>
    </row>
    <row r="169" spans="2:6" s="2" customFormat="1" ht="76.150000000000006" customHeight="1" x14ac:dyDescent="0.25">
      <c r="B169" s="67" t="s">
        <v>65</v>
      </c>
      <c r="C169" s="71" t="s">
        <v>139</v>
      </c>
      <c r="D169" s="82"/>
      <c r="E169" s="114"/>
      <c r="F169" s="115"/>
    </row>
    <row r="170" spans="2:6" s="2" customFormat="1" ht="57.6" customHeight="1" x14ac:dyDescent="0.25">
      <c r="B170" s="75" t="s">
        <v>95</v>
      </c>
      <c r="C170" s="72" t="s">
        <v>159</v>
      </c>
      <c r="D170" s="83"/>
      <c r="E170" s="116"/>
      <c r="F170" s="117"/>
    </row>
    <row r="171" spans="2:6" s="2" customFormat="1" ht="43.15" customHeight="1" x14ac:dyDescent="0.25">
      <c r="B171" s="84" t="s">
        <v>96</v>
      </c>
      <c r="C171" s="73" t="s">
        <v>160</v>
      </c>
      <c r="D171" s="85"/>
      <c r="E171" s="120"/>
      <c r="F171" s="121"/>
    </row>
    <row r="172" spans="2:6" s="2" customFormat="1" ht="123" customHeight="1" x14ac:dyDescent="0.25">
      <c r="B172" s="65" t="s">
        <v>69</v>
      </c>
      <c r="C172" s="70" t="s">
        <v>305</v>
      </c>
      <c r="D172" s="49"/>
      <c r="E172" s="105"/>
      <c r="F172" s="106"/>
    </row>
    <row r="173" spans="2:6" s="2" customFormat="1" ht="110.45" customHeight="1" x14ac:dyDescent="0.25">
      <c r="B173" s="65" t="s">
        <v>78</v>
      </c>
      <c r="C173" s="70" t="s">
        <v>140</v>
      </c>
      <c r="D173" s="49"/>
      <c r="E173" s="105"/>
      <c r="F173" s="106"/>
    </row>
    <row r="174" spans="2:6" s="2" customFormat="1" ht="73.900000000000006" customHeight="1" x14ac:dyDescent="0.25">
      <c r="B174" s="65" t="s">
        <v>79</v>
      </c>
      <c r="C174" s="70" t="s">
        <v>141</v>
      </c>
      <c r="D174" s="49"/>
      <c r="E174" s="105"/>
      <c r="F174" s="106"/>
    </row>
    <row r="175" spans="2:6" s="2" customFormat="1" ht="49.15" customHeight="1" x14ac:dyDescent="0.25">
      <c r="B175" s="65" t="s">
        <v>80</v>
      </c>
      <c r="C175" s="70" t="s">
        <v>171</v>
      </c>
      <c r="D175" s="49"/>
      <c r="E175" s="105"/>
      <c r="F175" s="106"/>
    </row>
    <row r="176" spans="2:6" s="2" customFormat="1" ht="66" customHeight="1" x14ac:dyDescent="0.25">
      <c r="B176" s="65" t="s">
        <v>81</v>
      </c>
      <c r="C176" s="70" t="s">
        <v>142</v>
      </c>
      <c r="D176" s="49"/>
      <c r="E176" s="105"/>
      <c r="F176" s="106"/>
    </row>
    <row r="177" spans="2:6" s="2" customFormat="1" ht="33.6" customHeight="1" x14ac:dyDescent="0.25">
      <c r="B177" s="65" t="s">
        <v>82</v>
      </c>
      <c r="C177" s="70" t="s">
        <v>161</v>
      </c>
      <c r="D177" s="49"/>
      <c r="E177" s="105"/>
      <c r="F177" s="106"/>
    </row>
    <row r="178" spans="2:6" s="2" customFormat="1" ht="31.9" customHeight="1" x14ac:dyDescent="0.25">
      <c r="B178" s="67" t="s">
        <v>83</v>
      </c>
      <c r="C178" s="87" t="s">
        <v>143</v>
      </c>
      <c r="D178" s="82"/>
      <c r="E178" s="114"/>
      <c r="F178" s="115"/>
    </row>
    <row r="179" spans="2:6" s="2" customFormat="1" ht="37.9" customHeight="1" x14ac:dyDescent="0.25">
      <c r="B179" s="75" t="s">
        <v>329</v>
      </c>
      <c r="C179" s="88" t="s">
        <v>162</v>
      </c>
      <c r="D179" s="83"/>
      <c r="E179" s="116"/>
      <c r="F179" s="117"/>
    </row>
    <row r="180" spans="2:6" s="2" customFormat="1" ht="59.25" customHeight="1" x14ac:dyDescent="0.25">
      <c r="B180" s="84" t="s">
        <v>330</v>
      </c>
      <c r="C180" s="89" t="s">
        <v>163</v>
      </c>
      <c r="D180" s="85"/>
      <c r="E180" s="120"/>
      <c r="F180" s="121"/>
    </row>
    <row r="181" spans="2:6" s="2" customFormat="1" ht="62.45" customHeight="1" x14ac:dyDescent="0.25">
      <c r="B181" s="65" t="s">
        <v>84</v>
      </c>
      <c r="C181" s="70" t="s">
        <v>144</v>
      </c>
      <c r="D181" s="49"/>
      <c r="E181" s="105"/>
      <c r="F181" s="106"/>
    </row>
    <row r="182" spans="2:6" s="2" customFormat="1" ht="33" customHeight="1" x14ac:dyDescent="0.25">
      <c r="B182" s="65" t="s">
        <v>85</v>
      </c>
      <c r="C182" s="70" t="s">
        <v>126</v>
      </c>
      <c r="D182" s="49"/>
      <c r="E182" s="105"/>
      <c r="F182" s="106"/>
    </row>
    <row r="183" spans="2:6" s="2" customFormat="1" ht="24" customHeight="1" x14ac:dyDescent="0.25">
      <c r="B183" s="65" t="s">
        <v>86</v>
      </c>
      <c r="C183" s="70" t="s">
        <v>145</v>
      </c>
      <c r="D183" s="49"/>
      <c r="E183" s="105"/>
      <c r="F183" s="106"/>
    </row>
    <row r="184" spans="2:6" s="2" customFormat="1" ht="49.5" customHeight="1" x14ac:dyDescent="0.25">
      <c r="B184" s="65" t="s">
        <v>97</v>
      </c>
      <c r="C184" s="70" t="s">
        <v>146</v>
      </c>
      <c r="D184" s="49"/>
      <c r="E184" s="105"/>
      <c r="F184" s="106"/>
    </row>
    <row r="185" spans="2:6" s="2" customFormat="1" ht="59.45" customHeight="1" x14ac:dyDescent="0.25">
      <c r="B185" s="65" t="s">
        <v>98</v>
      </c>
      <c r="C185" s="70" t="s">
        <v>147</v>
      </c>
      <c r="D185" s="49"/>
      <c r="E185" s="105"/>
      <c r="F185" s="106"/>
    </row>
    <row r="186" spans="2:6" s="2" customFormat="1" ht="85.9" customHeight="1" x14ac:dyDescent="0.25">
      <c r="B186" s="65" t="s">
        <v>99</v>
      </c>
      <c r="C186" s="70" t="s">
        <v>164</v>
      </c>
      <c r="D186" s="49"/>
      <c r="E186" s="105"/>
      <c r="F186" s="106"/>
    </row>
    <row r="187" spans="2:6" s="2" customFormat="1" ht="35.450000000000003" customHeight="1" x14ac:dyDescent="0.25">
      <c r="B187" s="65" t="s">
        <v>100</v>
      </c>
      <c r="C187" s="70" t="s">
        <v>127</v>
      </c>
      <c r="D187" s="49"/>
      <c r="E187" s="105"/>
      <c r="F187" s="106"/>
    </row>
    <row r="188" spans="2:6" s="2" customFormat="1" ht="46.9" customHeight="1" x14ac:dyDescent="0.25">
      <c r="B188" s="65" t="s">
        <v>101</v>
      </c>
      <c r="C188" s="70" t="s">
        <v>128</v>
      </c>
      <c r="D188" s="49"/>
      <c r="E188" s="105"/>
      <c r="F188" s="106"/>
    </row>
    <row r="189" spans="2:6" s="2" customFormat="1" ht="48" customHeight="1" x14ac:dyDescent="0.25">
      <c r="B189" s="65" t="s">
        <v>102</v>
      </c>
      <c r="C189" s="70" t="s">
        <v>317</v>
      </c>
      <c r="D189" s="49"/>
      <c r="E189" s="105"/>
      <c r="F189" s="106"/>
    </row>
    <row r="190" spans="2:6" s="2" customFormat="1" ht="25.15" customHeight="1" x14ac:dyDescent="0.25">
      <c r="B190" s="67" t="s">
        <v>103</v>
      </c>
      <c r="C190" s="87" t="s">
        <v>148</v>
      </c>
      <c r="D190" s="82"/>
      <c r="E190" s="114"/>
      <c r="F190" s="115"/>
    </row>
    <row r="191" spans="2:6" s="2" customFormat="1" ht="73.5" customHeight="1" x14ac:dyDescent="0.25">
      <c r="B191" s="75" t="s">
        <v>332</v>
      </c>
      <c r="C191" s="88" t="s">
        <v>315</v>
      </c>
      <c r="D191" s="83"/>
      <c r="E191" s="116"/>
      <c r="F191" s="117"/>
    </row>
    <row r="192" spans="2:6" s="2" customFormat="1" ht="50.45" customHeight="1" x14ac:dyDescent="0.25">
      <c r="B192" s="84" t="s">
        <v>333</v>
      </c>
      <c r="C192" s="89" t="s">
        <v>316</v>
      </c>
      <c r="D192" s="85"/>
      <c r="E192" s="120"/>
      <c r="F192" s="121"/>
    </row>
    <row r="193" spans="2:6" s="2" customFormat="1" ht="50.45" customHeight="1" x14ac:dyDescent="0.25">
      <c r="B193" s="65" t="s">
        <v>104</v>
      </c>
      <c r="C193" s="70" t="s">
        <v>303</v>
      </c>
      <c r="D193" s="49"/>
      <c r="E193" s="105"/>
      <c r="F193" s="106"/>
    </row>
    <row r="194" spans="2:6" s="2" customFormat="1" ht="48" customHeight="1" x14ac:dyDescent="0.25">
      <c r="B194" s="65" t="s">
        <v>105</v>
      </c>
      <c r="C194" s="70" t="s">
        <v>304</v>
      </c>
      <c r="D194" s="49"/>
      <c r="E194" s="105"/>
      <c r="F194" s="106"/>
    </row>
    <row r="195" spans="2:6" s="2" customFormat="1" ht="61.15" customHeight="1" x14ac:dyDescent="0.25">
      <c r="B195" s="65" t="s">
        <v>106</v>
      </c>
      <c r="C195" s="70" t="s">
        <v>129</v>
      </c>
      <c r="D195" s="49"/>
      <c r="E195" s="105"/>
      <c r="F195" s="106"/>
    </row>
    <row r="196" spans="2:6" s="2" customFormat="1" ht="71.45" customHeight="1" x14ac:dyDescent="0.25">
      <c r="B196" s="65" t="s">
        <v>107</v>
      </c>
      <c r="C196" s="70" t="s">
        <v>149</v>
      </c>
      <c r="D196" s="49"/>
      <c r="E196" s="105"/>
      <c r="F196" s="106"/>
    </row>
    <row r="197" spans="2:6" s="2" customFormat="1" ht="81.75" customHeight="1" x14ac:dyDescent="0.25">
      <c r="B197" s="65" t="s">
        <v>108</v>
      </c>
      <c r="C197" s="70" t="s">
        <v>165</v>
      </c>
      <c r="D197" s="49"/>
      <c r="E197" s="105"/>
      <c r="F197" s="106"/>
    </row>
    <row r="198" spans="2:6" s="2" customFormat="1" ht="34.5" customHeight="1" x14ac:dyDescent="0.25">
      <c r="B198" s="65" t="s">
        <v>109</v>
      </c>
      <c r="C198" s="70" t="s">
        <v>150</v>
      </c>
      <c r="D198" s="49"/>
      <c r="E198" s="105"/>
      <c r="F198" s="106"/>
    </row>
    <row r="199" spans="2:6" s="2" customFormat="1" ht="119.45" customHeight="1" x14ac:dyDescent="0.25">
      <c r="B199" s="65" t="s">
        <v>110</v>
      </c>
      <c r="C199" s="70" t="s">
        <v>166</v>
      </c>
      <c r="D199" s="49"/>
      <c r="E199" s="105"/>
      <c r="F199" s="106"/>
    </row>
    <row r="200" spans="2:6" s="2" customFormat="1" ht="112.9" customHeight="1" x14ac:dyDescent="0.25">
      <c r="B200" s="65" t="s">
        <v>111</v>
      </c>
      <c r="C200" s="70" t="s">
        <v>302</v>
      </c>
      <c r="D200" s="49"/>
      <c r="E200" s="105"/>
      <c r="F200" s="106"/>
    </row>
    <row r="201" spans="2:6" s="2" customFormat="1" ht="61.15" customHeight="1" x14ac:dyDescent="0.25">
      <c r="B201" s="65" t="s">
        <v>112</v>
      </c>
      <c r="C201" s="70" t="s">
        <v>151</v>
      </c>
      <c r="D201" s="49"/>
      <c r="E201" s="105"/>
      <c r="F201" s="106"/>
    </row>
    <row r="202" spans="2:6" s="2" customFormat="1" ht="116.45" customHeight="1" x14ac:dyDescent="0.25">
      <c r="B202" s="65" t="s">
        <v>113</v>
      </c>
      <c r="C202" s="70" t="s">
        <v>152</v>
      </c>
      <c r="D202" s="49"/>
      <c r="E202" s="105"/>
      <c r="F202" s="106"/>
    </row>
    <row r="203" spans="2:6" s="2" customFormat="1" ht="97.5" customHeight="1" x14ac:dyDescent="0.25">
      <c r="B203" s="65" t="s">
        <v>114</v>
      </c>
      <c r="C203" s="70" t="s">
        <v>168</v>
      </c>
      <c r="D203" s="49"/>
      <c r="E203" s="105"/>
      <c r="F203" s="106"/>
    </row>
    <row r="204" spans="2:6" s="2" customFormat="1" ht="84.6" customHeight="1" x14ac:dyDescent="0.25">
      <c r="B204" s="65" t="s">
        <v>115</v>
      </c>
      <c r="C204" s="70" t="s">
        <v>77</v>
      </c>
      <c r="D204" s="49"/>
      <c r="E204" s="105"/>
      <c r="F204" s="106"/>
    </row>
    <row r="205" spans="2:6" s="2" customFormat="1" ht="192.75" customHeight="1" x14ac:dyDescent="0.25">
      <c r="B205" s="65" t="s">
        <v>116</v>
      </c>
      <c r="C205" s="70" t="s">
        <v>301</v>
      </c>
      <c r="D205" s="49"/>
      <c r="E205" s="105"/>
      <c r="F205" s="106"/>
    </row>
    <row r="206" spans="2:6" s="2" customFormat="1" ht="98.45" customHeight="1" x14ac:dyDescent="0.25">
      <c r="B206" s="65" t="s">
        <v>117</v>
      </c>
      <c r="C206" s="70" t="s">
        <v>130</v>
      </c>
      <c r="D206" s="49"/>
      <c r="E206" s="105"/>
      <c r="F206" s="106"/>
    </row>
    <row r="207" spans="2:6" s="2" customFormat="1" ht="126" customHeight="1" x14ac:dyDescent="0.25">
      <c r="B207" s="65" t="s">
        <v>118</v>
      </c>
      <c r="C207" s="70" t="s">
        <v>153</v>
      </c>
      <c r="D207" s="49"/>
      <c r="E207" s="105"/>
      <c r="F207" s="106"/>
    </row>
    <row r="208" spans="2:6" s="2" customFormat="1" ht="60" customHeight="1" x14ac:dyDescent="0.25">
      <c r="B208" s="65" t="s">
        <v>119</v>
      </c>
      <c r="C208" s="2" t="s">
        <v>331</v>
      </c>
      <c r="D208" s="49"/>
      <c r="E208" s="105"/>
      <c r="F208" s="106"/>
    </row>
    <row r="209" spans="2:7" s="2" customFormat="1" ht="44.45" customHeight="1" thickBot="1" x14ac:dyDescent="0.3">
      <c r="B209" s="52" t="s">
        <v>120</v>
      </c>
      <c r="C209" s="99" t="s">
        <v>167</v>
      </c>
      <c r="D209" s="100"/>
      <c r="E209" s="122"/>
      <c r="F209" s="123"/>
    </row>
    <row r="210" spans="2:7" s="3" customFormat="1" ht="5.0999999999999996" customHeight="1" x14ac:dyDescent="0.25">
      <c r="B210" s="5"/>
      <c r="C210" s="5"/>
      <c r="D210" s="7"/>
      <c r="E210" s="7"/>
      <c r="F210" s="26"/>
      <c r="G210" s="2"/>
    </row>
    <row r="211" spans="2:7" s="2" customFormat="1" ht="20.100000000000001" customHeight="1" x14ac:dyDescent="0.25">
      <c r="B211" s="124" t="s">
        <v>53</v>
      </c>
      <c r="C211" s="124"/>
      <c r="D211" s="124"/>
      <c r="E211" s="124"/>
      <c r="F211" s="124"/>
    </row>
    <row r="212" spans="2:7" s="2" customFormat="1" ht="4.5" customHeight="1" thickBot="1" x14ac:dyDescent="0.3"/>
    <row r="213" spans="2:7" s="2" customFormat="1" ht="80.25" customHeight="1" x14ac:dyDescent="0.25">
      <c r="B213" s="125" t="s">
        <v>54</v>
      </c>
      <c r="C213" s="126"/>
      <c r="D213" s="129" t="s">
        <v>55</v>
      </c>
      <c r="E213" s="130"/>
      <c r="F213" s="131"/>
    </row>
    <row r="214" spans="2:7" s="3" customFormat="1" ht="29.25" customHeight="1" thickBot="1" x14ac:dyDescent="0.3">
      <c r="B214" s="127"/>
      <c r="C214" s="128"/>
      <c r="D214" s="24" t="s">
        <v>7</v>
      </c>
      <c r="E214" s="162" t="s">
        <v>32</v>
      </c>
      <c r="F214" s="163"/>
      <c r="G214" s="2"/>
    </row>
    <row r="215" spans="2:7" s="3" customFormat="1" ht="27" customHeight="1" x14ac:dyDescent="0.25">
      <c r="B215" s="50" t="s">
        <v>16</v>
      </c>
      <c r="C215" s="92" t="s">
        <v>67</v>
      </c>
      <c r="D215" s="51"/>
      <c r="E215" s="134"/>
      <c r="F215" s="135"/>
      <c r="G215" s="2"/>
    </row>
    <row r="216" spans="2:7" s="3" customFormat="1" ht="27" customHeight="1" x14ac:dyDescent="0.25">
      <c r="B216" s="65" t="s">
        <v>57</v>
      </c>
      <c r="C216" s="77" t="s">
        <v>56</v>
      </c>
      <c r="D216" s="76"/>
      <c r="E216" s="132"/>
      <c r="F216" s="133"/>
      <c r="G216" s="2"/>
    </row>
    <row r="217" spans="2:7" s="3" customFormat="1" ht="27" customHeight="1" x14ac:dyDescent="0.25">
      <c r="B217" s="65" t="s">
        <v>58</v>
      </c>
      <c r="C217" s="77" t="s">
        <v>181</v>
      </c>
      <c r="D217" s="76"/>
      <c r="E217" s="90"/>
      <c r="F217" s="91"/>
      <c r="G217" s="2"/>
    </row>
    <row r="218" spans="2:7" s="3" customFormat="1" ht="27" customHeight="1" x14ac:dyDescent="0.25">
      <c r="B218" s="65" t="s">
        <v>59</v>
      </c>
      <c r="C218" s="93" t="s">
        <v>179</v>
      </c>
      <c r="D218" s="76"/>
      <c r="E218" s="90"/>
      <c r="F218" s="91"/>
      <c r="G218" s="2"/>
    </row>
    <row r="219" spans="2:7" s="3" customFormat="1" ht="27" customHeight="1" x14ac:dyDescent="0.25">
      <c r="B219" s="65" t="s">
        <v>60</v>
      </c>
      <c r="C219" s="93" t="s">
        <v>180</v>
      </c>
      <c r="D219" s="76"/>
      <c r="E219" s="90"/>
      <c r="F219" s="91"/>
      <c r="G219" s="2"/>
    </row>
    <row r="220" spans="2:7" s="3" customFormat="1" ht="27" customHeight="1" thickBot="1" x14ac:dyDescent="0.3">
      <c r="B220" s="52" t="s">
        <v>61</v>
      </c>
      <c r="C220" s="60" t="s">
        <v>337</v>
      </c>
      <c r="D220" s="53"/>
      <c r="E220" s="122"/>
      <c r="F220" s="123"/>
      <c r="G220" s="2"/>
    </row>
    <row r="221" spans="2:7" s="2" customFormat="1" ht="5.0999999999999996" customHeight="1" x14ac:dyDescent="0.25">
      <c r="B221" s="5"/>
      <c r="C221" s="5"/>
      <c r="D221" s="7"/>
      <c r="E221" s="7"/>
      <c r="F221" s="26"/>
    </row>
    <row r="222" spans="2:7" s="2" customFormat="1" ht="20.100000000000001" customHeight="1" x14ac:dyDescent="0.25">
      <c r="B222" s="124" t="s">
        <v>15</v>
      </c>
      <c r="C222" s="124"/>
      <c r="D222" s="124"/>
      <c r="E222" s="124"/>
      <c r="F222" s="124"/>
    </row>
    <row r="223" spans="2:7" s="3" customFormat="1" ht="30" customHeight="1" x14ac:dyDescent="0.25">
      <c r="B223" s="5" t="s">
        <v>17</v>
      </c>
      <c r="C223" s="138" t="s">
        <v>70</v>
      </c>
      <c r="D223" s="138"/>
      <c r="E223" s="138"/>
      <c r="F223" s="138"/>
      <c r="G223" s="2"/>
    </row>
    <row r="224" spans="2:7" s="28" customFormat="1" ht="30" customHeight="1" x14ac:dyDescent="0.25">
      <c r="B224" s="5" t="s">
        <v>33</v>
      </c>
      <c r="C224" s="138" t="s">
        <v>34</v>
      </c>
      <c r="D224" s="138"/>
      <c r="E224" s="138"/>
      <c r="F224" s="138"/>
      <c r="G224" s="2"/>
    </row>
    <row r="225" spans="2:7" s="28" customFormat="1" ht="30" customHeight="1" x14ac:dyDescent="0.25">
      <c r="B225" s="139" t="s">
        <v>35</v>
      </c>
      <c r="C225" s="139"/>
      <c r="D225" s="139"/>
      <c r="E225" s="139"/>
      <c r="F225" s="3"/>
      <c r="G225" s="2"/>
    </row>
    <row r="226" spans="2:7" s="2" customFormat="1" ht="24.95" customHeight="1" x14ac:dyDescent="0.25">
      <c r="B226" s="27" t="s">
        <v>36</v>
      </c>
      <c r="C226" s="136"/>
      <c r="D226" s="136"/>
      <c r="F226" s="28"/>
    </row>
    <row r="227" spans="2:7" s="2" customFormat="1" ht="24.95" customHeight="1" x14ac:dyDescent="0.25">
      <c r="B227" s="27" t="s">
        <v>37</v>
      </c>
      <c r="C227" s="136"/>
      <c r="D227" s="136"/>
      <c r="F227" s="28"/>
    </row>
    <row r="228" spans="2:7" s="2" customFormat="1" ht="24.95" customHeight="1" x14ac:dyDescent="0.25">
      <c r="B228" s="27" t="s">
        <v>38</v>
      </c>
      <c r="C228" s="136"/>
      <c r="D228" s="136"/>
      <c r="F228" s="28"/>
    </row>
    <row r="229" spans="2:7" s="3" customFormat="1" ht="24.95" customHeight="1" x14ac:dyDescent="0.25">
      <c r="B229" s="27" t="s">
        <v>39</v>
      </c>
      <c r="C229" s="136"/>
      <c r="D229" s="136"/>
      <c r="E229" s="2"/>
      <c r="F229" s="29"/>
      <c r="G229" s="2"/>
    </row>
    <row r="230" spans="2:7" s="2" customFormat="1" ht="14.25" customHeight="1" x14ac:dyDescent="0.2">
      <c r="B230" s="11"/>
      <c r="C230" s="12"/>
      <c r="D230" s="12"/>
      <c r="F230" s="30"/>
    </row>
    <row r="231" spans="2:7" s="3" customFormat="1" ht="15" customHeight="1" x14ac:dyDescent="0.25">
      <c r="B231" s="140" t="s">
        <v>40</v>
      </c>
      <c r="C231" s="140"/>
      <c r="D231" s="140"/>
      <c r="E231" s="140"/>
      <c r="F231" s="140"/>
    </row>
    <row r="232" spans="2:7" s="2" customFormat="1" ht="36.75" customHeight="1" x14ac:dyDescent="0.25">
      <c r="B232" s="137" t="s">
        <v>50</v>
      </c>
      <c r="C232" s="137"/>
      <c r="D232" s="137"/>
      <c r="E232" s="137"/>
      <c r="F232" s="137"/>
    </row>
    <row r="233" spans="2:7" s="2" customFormat="1" ht="20.100000000000001" customHeight="1" x14ac:dyDescent="0.2">
      <c r="B233" s="1"/>
      <c r="C233" s="1"/>
      <c r="D233" s="8"/>
      <c r="E233" s="8"/>
    </row>
    <row r="234" spans="2:7" s="3" customFormat="1" ht="4.5" customHeight="1" x14ac:dyDescent="0.2">
      <c r="B234" s="1"/>
      <c r="C234" s="1"/>
      <c r="D234" s="8"/>
      <c r="E234" s="8"/>
      <c r="F234" s="2"/>
    </row>
    <row r="235" spans="2:7" s="3" customFormat="1" ht="20.100000000000001" customHeight="1" x14ac:dyDescent="0.25">
      <c r="B235" s="31" t="s">
        <v>41</v>
      </c>
      <c r="C235" s="32"/>
      <c r="D235" s="33" t="s">
        <v>42</v>
      </c>
      <c r="E235" s="145"/>
      <c r="F235" s="145"/>
    </row>
    <row r="236" spans="2:7" s="3" customFormat="1" ht="20.100000000000001" customHeight="1" x14ac:dyDescent="0.25">
      <c r="B236" s="34"/>
      <c r="C236" s="34"/>
      <c r="D236" s="34"/>
      <c r="E236" s="35"/>
      <c r="F236" s="35"/>
    </row>
    <row r="237" spans="2:7" ht="20.100000000000001" customHeight="1" x14ac:dyDescent="0.2">
      <c r="B237" s="31" t="s">
        <v>43</v>
      </c>
      <c r="C237" s="32"/>
      <c r="D237" s="36" t="s">
        <v>44</v>
      </c>
      <c r="E237" s="146"/>
      <c r="F237" s="146"/>
    </row>
    <row r="238" spans="2:7" s="2" customFormat="1" ht="20.100000000000001" customHeight="1" x14ac:dyDescent="0.2">
      <c r="B238" s="1"/>
      <c r="C238" s="1"/>
      <c r="D238" s="36" t="s">
        <v>45</v>
      </c>
      <c r="E238" s="136"/>
      <c r="F238" s="136"/>
    </row>
    <row r="239" spans="2:7" s="2" customFormat="1" ht="20.100000000000001" customHeight="1" x14ac:dyDescent="0.2">
      <c r="B239" s="1"/>
      <c r="C239" s="1"/>
      <c r="D239" s="37" t="s">
        <v>46</v>
      </c>
      <c r="E239" s="1"/>
    </row>
    <row r="240" spans="2:7" s="2" customFormat="1" ht="37.5" customHeight="1" x14ac:dyDescent="0.25"/>
    <row r="241" spans="2:5" s="2" customFormat="1" ht="24" customHeight="1" x14ac:dyDescent="0.25"/>
    <row r="242" spans="2:5" s="2" customFormat="1" ht="24" customHeight="1" x14ac:dyDescent="0.25"/>
    <row r="243" spans="2:5" s="2" customFormat="1" ht="24" customHeight="1" x14ac:dyDescent="0.25"/>
    <row r="244" spans="2:5" s="2" customFormat="1" ht="20.100000000000001" customHeight="1" x14ac:dyDescent="0.25"/>
    <row r="245" spans="2:5" s="2" customFormat="1" ht="20.100000000000001" customHeight="1" x14ac:dyDescent="0.25"/>
    <row r="246" spans="2:5" s="2" customFormat="1" ht="50.1" customHeight="1" x14ac:dyDescent="0.25"/>
    <row r="247" spans="2:5" s="2" customFormat="1" ht="43.5" customHeight="1" x14ac:dyDescent="0.25"/>
    <row r="248" spans="2:5" ht="24.75" customHeight="1" x14ac:dyDescent="0.2">
      <c r="B248" s="2"/>
      <c r="C248" s="2"/>
      <c r="D248" s="2"/>
      <c r="E248" s="2"/>
    </row>
    <row r="249" spans="2:5" x14ac:dyDescent="0.2">
      <c r="B249" s="2"/>
      <c r="C249" s="2"/>
      <c r="D249" s="2"/>
      <c r="E249" s="2"/>
    </row>
    <row r="250" spans="2:5" ht="20.100000000000001" customHeight="1" x14ac:dyDescent="0.2"/>
    <row r="251" spans="2:5" ht="4.5" customHeight="1" x14ac:dyDescent="0.2"/>
    <row r="252" spans="2:5" ht="20.100000000000001" customHeight="1" x14ac:dyDescent="0.2"/>
    <row r="253" spans="2:5" ht="20.100000000000001" customHeight="1" x14ac:dyDescent="0.2"/>
    <row r="254" spans="2:5" ht="20.100000000000001" customHeight="1" x14ac:dyDescent="0.2"/>
  </sheetData>
  <mergeCells count="216">
    <mergeCell ref="E168:F168"/>
    <mergeCell ref="E169:F169"/>
    <mergeCell ref="E170:F170"/>
    <mergeCell ref="E178:F178"/>
    <mergeCell ref="E179:F179"/>
    <mergeCell ref="E172:F172"/>
    <mergeCell ref="E173:F173"/>
    <mergeCell ref="E171:F171"/>
    <mergeCell ref="E208:F208"/>
    <mergeCell ref="E195:F195"/>
    <mergeCell ref="E200:F200"/>
    <mergeCell ref="E183:F183"/>
    <mergeCell ref="E148:F148"/>
    <mergeCell ref="E149:F149"/>
    <mergeCell ref="E150:F150"/>
    <mergeCell ref="E151:F151"/>
    <mergeCell ref="E152:F152"/>
    <mergeCell ref="E153:F153"/>
    <mergeCell ref="E154:F154"/>
    <mergeCell ref="E155:F155"/>
    <mergeCell ref="E167:F167"/>
    <mergeCell ref="E163:F163"/>
    <mergeCell ref="B2:F2"/>
    <mergeCell ref="B1:F1"/>
    <mergeCell ref="B25:C25"/>
    <mergeCell ref="B28:C28"/>
    <mergeCell ref="B135:F135"/>
    <mergeCell ref="B137:C138"/>
    <mergeCell ref="D137:F137"/>
    <mergeCell ref="E138:F138"/>
    <mergeCell ref="B23:F23"/>
    <mergeCell ref="B18:D18"/>
    <mergeCell ref="B19:D19"/>
    <mergeCell ref="B20:F20"/>
    <mergeCell ref="B22:D22"/>
    <mergeCell ref="B3:F3"/>
    <mergeCell ref="B7:F7"/>
    <mergeCell ref="B8:F8"/>
    <mergeCell ref="B9:F9"/>
    <mergeCell ref="E123:F123"/>
    <mergeCell ref="E124:F124"/>
    <mergeCell ref="E128:F128"/>
    <mergeCell ref="B11:F11"/>
    <mergeCell ref="B12:D12"/>
    <mergeCell ref="B13:D13"/>
    <mergeCell ref="C31:D31"/>
    <mergeCell ref="B24:F24"/>
    <mergeCell ref="B122:F122"/>
    <mergeCell ref="E235:F235"/>
    <mergeCell ref="E237:F237"/>
    <mergeCell ref="C29:D29"/>
    <mergeCell ref="B33:C33"/>
    <mergeCell ref="B14:D14"/>
    <mergeCell ref="E156:F156"/>
    <mergeCell ref="B41:F41"/>
    <mergeCell ref="C30:D30"/>
    <mergeCell ref="B37:F37"/>
    <mergeCell ref="B39:C40"/>
    <mergeCell ref="B15:D15"/>
    <mergeCell ref="B21:F21"/>
    <mergeCell ref="D39:F39"/>
    <mergeCell ref="E40:F40"/>
    <mergeCell ref="E142:F142"/>
    <mergeCell ref="E143:F143"/>
    <mergeCell ref="E129:F129"/>
    <mergeCell ref="E130:F130"/>
    <mergeCell ref="E181:F181"/>
    <mergeCell ref="E182:F182"/>
    <mergeCell ref="E201:F201"/>
    <mergeCell ref="E207:F207"/>
    <mergeCell ref="E238:F238"/>
    <mergeCell ref="B232:F232"/>
    <mergeCell ref="B222:F222"/>
    <mergeCell ref="C223:F223"/>
    <mergeCell ref="C224:F224"/>
    <mergeCell ref="B225:E225"/>
    <mergeCell ref="B231:F231"/>
    <mergeCell ref="C226:D226"/>
    <mergeCell ref="C227:D227"/>
    <mergeCell ref="C228:D228"/>
    <mergeCell ref="C229:D229"/>
    <mergeCell ref="E176:F176"/>
    <mergeCell ref="E177:F177"/>
    <mergeCell ref="E190:F190"/>
    <mergeCell ref="E191:F191"/>
    <mergeCell ref="E192:F192"/>
    <mergeCell ref="E193:F193"/>
    <mergeCell ref="E180:F180"/>
    <mergeCell ref="E202:F202"/>
    <mergeCell ref="E215:F215"/>
    <mergeCell ref="E196:F196"/>
    <mergeCell ref="E197:F197"/>
    <mergeCell ref="E198:F198"/>
    <mergeCell ref="E214:F214"/>
    <mergeCell ref="E209:F209"/>
    <mergeCell ref="E220:F220"/>
    <mergeCell ref="B211:F211"/>
    <mergeCell ref="B213:C214"/>
    <mergeCell ref="D213:F213"/>
    <mergeCell ref="E189:F189"/>
    <mergeCell ref="E187:F187"/>
    <mergeCell ref="E203:F203"/>
    <mergeCell ref="E204:F204"/>
    <mergeCell ref="E216:F216"/>
    <mergeCell ref="E205:F205"/>
    <mergeCell ref="E206:F206"/>
    <mergeCell ref="E141:F141"/>
    <mergeCell ref="E157:F157"/>
    <mergeCell ref="E158:F158"/>
    <mergeCell ref="E140:F140"/>
    <mergeCell ref="E166:F166"/>
    <mergeCell ref="E144:F144"/>
    <mergeCell ref="E145:F145"/>
    <mergeCell ref="E146:F146"/>
    <mergeCell ref="E147:F147"/>
    <mergeCell ref="E159:F159"/>
    <mergeCell ref="E194:F194"/>
    <mergeCell ref="E160:F160"/>
    <mergeCell ref="E161:F161"/>
    <mergeCell ref="E162:F162"/>
    <mergeCell ref="E188:F188"/>
    <mergeCell ref="E185:F185"/>
    <mergeCell ref="E186:F186"/>
    <mergeCell ref="E184:F184"/>
    <mergeCell ref="E174:F174"/>
    <mergeCell ref="E164:F164"/>
    <mergeCell ref="E165:F165"/>
    <mergeCell ref="E175:F175"/>
    <mergeCell ref="E42:F42"/>
    <mergeCell ref="B139:F139"/>
    <mergeCell ref="E125:F125"/>
    <mergeCell ref="E126:F126"/>
    <mergeCell ref="E127:F127"/>
    <mergeCell ref="E63:F63"/>
    <mergeCell ref="E46:F46"/>
    <mergeCell ref="E51:F51"/>
    <mergeCell ref="E67:F67"/>
    <mergeCell ref="E74:F74"/>
    <mergeCell ref="E77:F77"/>
    <mergeCell ref="E84:F84"/>
    <mergeCell ref="E89:F89"/>
    <mergeCell ref="E71:F71"/>
    <mergeCell ref="E72:F72"/>
    <mergeCell ref="E98:F98"/>
    <mergeCell ref="E64:F64"/>
    <mergeCell ref="E43:F43"/>
    <mergeCell ref="E44:F44"/>
    <mergeCell ref="E45:F45"/>
    <mergeCell ref="E131:F131"/>
    <mergeCell ref="E132:F132"/>
    <mergeCell ref="E133:F133"/>
    <mergeCell ref="E199:F199"/>
    <mergeCell ref="E54:F54"/>
    <mergeCell ref="E55:F55"/>
    <mergeCell ref="E56:F56"/>
    <mergeCell ref="E57:F57"/>
    <mergeCell ref="E58:F58"/>
    <mergeCell ref="E59:F59"/>
    <mergeCell ref="E60:F60"/>
    <mergeCell ref="E61:F61"/>
    <mergeCell ref="E62:F62"/>
    <mergeCell ref="E80:F80"/>
    <mergeCell ref="E81:F81"/>
    <mergeCell ref="E82:F82"/>
    <mergeCell ref="E83:F83"/>
    <mergeCell ref="E85:F85"/>
    <mergeCell ref="E86:F86"/>
    <mergeCell ref="E65:F65"/>
    <mergeCell ref="E66:F66"/>
    <mergeCell ref="E68:F68"/>
    <mergeCell ref="E69:F69"/>
    <mergeCell ref="E70:F70"/>
    <mergeCell ref="E73:F73"/>
    <mergeCell ref="E75:F75"/>
    <mergeCell ref="E92:F92"/>
    <mergeCell ref="E47:F47"/>
    <mergeCell ref="E48:F48"/>
    <mergeCell ref="E49:F49"/>
    <mergeCell ref="E50:F50"/>
    <mergeCell ref="E52:F52"/>
    <mergeCell ref="E53:F53"/>
    <mergeCell ref="E88:F88"/>
    <mergeCell ref="E90:F90"/>
    <mergeCell ref="E91:F91"/>
    <mergeCell ref="E87:F87"/>
    <mergeCell ref="E76:F76"/>
    <mergeCell ref="E78:F78"/>
    <mergeCell ref="E79:F79"/>
    <mergeCell ref="E93:F93"/>
    <mergeCell ref="E94:F94"/>
    <mergeCell ref="E95:F95"/>
    <mergeCell ref="E96:F96"/>
    <mergeCell ref="E97:F97"/>
    <mergeCell ref="E99:F99"/>
    <mergeCell ref="E100:F100"/>
    <mergeCell ref="E101:F101"/>
    <mergeCell ref="E102:F102"/>
    <mergeCell ref="E103:F103"/>
    <mergeCell ref="E104:F104"/>
    <mergeCell ref="E105:F105"/>
    <mergeCell ref="E106:F106"/>
    <mergeCell ref="E107:F107"/>
    <mergeCell ref="E117:F117"/>
    <mergeCell ref="E118:F118"/>
    <mergeCell ref="E119:F119"/>
    <mergeCell ref="E120:F120"/>
    <mergeCell ref="E121:F121"/>
    <mergeCell ref="E108:F108"/>
    <mergeCell ref="E109:F109"/>
    <mergeCell ref="E110:F110"/>
    <mergeCell ref="E111:F111"/>
    <mergeCell ref="E112:F112"/>
    <mergeCell ref="E113:F113"/>
    <mergeCell ref="E114:F114"/>
    <mergeCell ref="E115:F115"/>
    <mergeCell ref="E116:F116"/>
  </mergeCells>
  <conditionalFormatting sqref="E237:F237 D141:D209">
    <cfRule type="containsBlanks" dxfId="24" priority="127">
      <formula>LEN(TRIM(D141))=0</formula>
    </cfRule>
  </conditionalFormatting>
  <conditionalFormatting sqref="C235">
    <cfRule type="containsBlanks" dxfId="23" priority="125">
      <formula>LEN(TRIM(C235))=0</formula>
    </cfRule>
  </conditionalFormatting>
  <conditionalFormatting sqref="E238:F238">
    <cfRule type="containsBlanks" dxfId="22" priority="126">
      <formula>LEN(TRIM(E238))=0</formula>
    </cfRule>
  </conditionalFormatting>
  <conditionalFormatting sqref="C237">
    <cfRule type="containsBlanks" dxfId="21" priority="124">
      <formula>LEN(TRIM(C237))=0</formula>
    </cfRule>
  </conditionalFormatting>
  <conditionalFormatting sqref="C4:C5">
    <cfRule type="containsBlanks" dxfId="20" priority="123">
      <formula>LEN(TRIM(C4))=0</formula>
    </cfRule>
  </conditionalFormatting>
  <conditionalFormatting sqref="D215:D219">
    <cfRule type="containsBlanks" dxfId="19" priority="117">
      <formula>LEN(TRIM(D215))=0</formula>
    </cfRule>
  </conditionalFormatting>
  <conditionalFormatting sqref="C228:D228">
    <cfRule type="containsBlanks" dxfId="18" priority="113">
      <formula>LEN(TRIM(C228))=0</formula>
    </cfRule>
  </conditionalFormatting>
  <conditionalFormatting sqref="C227:D227">
    <cfRule type="containsBlanks" dxfId="17" priority="64">
      <formula>LEN(TRIM(C227))=0</formula>
    </cfRule>
  </conditionalFormatting>
  <conditionalFormatting sqref="C226:D226">
    <cfRule type="containsBlanks" dxfId="16" priority="63">
      <formula>LEN(TRIM(C226))=0</formula>
    </cfRule>
  </conditionalFormatting>
  <conditionalFormatting sqref="C229:D229">
    <cfRule type="containsBlanks" dxfId="15" priority="62">
      <formula>LEN(TRIM(C229))=0</formula>
    </cfRule>
  </conditionalFormatting>
  <conditionalFormatting sqref="D140">
    <cfRule type="containsBlanks" dxfId="14" priority="57">
      <formula>LEN(TRIM(D140))=0</formula>
    </cfRule>
  </conditionalFormatting>
  <conditionalFormatting sqref="D220">
    <cfRule type="containsBlanks" dxfId="13" priority="55">
      <formula>LEN(TRIM(D220))=0</formula>
    </cfRule>
  </conditionalFormatting>
  <conditionalFormatting sqref="D42:D45 D47:D50 D52:D56 D68:D73 D75:D76 D78:D83 D85:D87 D90:D97 D99:D121 D59:D63 D65:D66">
    <cfRule type="containsBlanks" dxfId="12" priority="43">
      <formula>LEN(TRIM(D42))=0</formula>
    </cfRule>
  </conditionalFormatting>
  <conditionalFormatting sqref="D123:D133">
    <cfRule type="containsBlanks" dxfId="11" priority="19">
      <formula>LEN(TRIM(D123))=0</formula>
    </cfRule>
  </conditionalFormatting>
  <conditionalFormatting sqref="D46">
    <cfRule type="containsBlanks" dxfId="10" priority="17">
      <formula>LEN(TRIM(D46))=0</formula>
    </cfRule>
  </conditionalFormatting>
  <conditionalFormatting sqref="D51">
    <cfRule type="containsBlanks" dxfId="9" priority="16">
      <formula>LEN(TRIM(D51))=0</formula>
    </cfRule>
  </conditionalFormatting>
  <conditionalFormatting sqref="D67">
    <cfRule type="containsBlanks" dxfId="8" priority="15">
      <formula>LEN(TRIM(D67))=0</formula>
    </cfRule>
  </conditionalFormatting>
  <conditionalFormatting sqref="D74">
    <cfRule type="containsBlanks" dxfId="7" priority="14">
      <formula>LEN(TRIM(D74))=0</formula>
    </cfRule>
  </conditionalFormatting>
  <conditionalFormatting sqref="D77">
    <cfRule type="containsBlanks" dxfId="6" priority="13">
      <formula>LEN(TRIM(D77))=0</formula>
    </cfRule>
  </conditionalFormatting>
  <conditionalFormatting sqref="D84">
    <cfRule type="containsBlanks" dxfId="5" priority="12">
      <formula>LEN(TRIM(D84))=0</formula>
    </cfRule>
  </conditionalFormatting>
  <conditionalFormatting sqref="D89">
    <cfRule type="containsBlanks" dxfId="4" priority="11">
      <formula>LEN(TRIM(D89))=0</formula>
    </cfRule>
  </conditionalFormatting>
  <conditionalFormatting sqref="D98">
    <cfRule type="containsBlanks" dxfId="3" priority="10">
      <formula>LEN(TRIM(D98))=0</formula>
    </cfRule>
  </conditionalFormatting>
  <conditionalFormatting sqref="D57:D58">
    <cfRule type="containsBlanks" dxfId="2" priority="3">
      <formula>LEN(TRIM(D57))=0</formula>
    </cfRule>
  </conditionalFormatting>
  <conditionalFormatting sqref="D64">
    <cfRule type="containsBlanks" dxfId="1" priority="2">
      <formula>LEN(TRIM(D64))=0</formula>
    </cfRule>
  </conditionalFormatting>
  <conditionalFormatting sqref="D88">
    <cfRule type="containsBlanks" dxfId="0" priority="1">
      <formula>LEN(TRIM(D88))=0</formula>
    </cfRule>
  </conditionalFormatting>
  <printOptions horizontalCentered="1"/>
  <pageMargins left="0.70866141732283472" right="0.70866141732283472" top="0.97499999999999998"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5" manualBreakCount="5">
    <brk id="118" min="1" max="5" man="1"/>
    <brk id="148" min="1" max="5" man="1"/>
    <brk id="165" min="1" max="5" man="1"/>
    <brk id="202" min="1" max="5" man="1"/>
    <brk id="224"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08-04T06:36:26Z</cp:lastPrinted>
  <dcterms:created xsi:type="dcterms:W3CDTF">2017-04-21T05:51:15Z</dcterms:created>
  <dcterms:modified xsi:type="dcterms:W3CDTF">2023-08-04T06:36:30Z</dcterms:modified>
</cp:coreProperties>
</file>